
<file path=[Content_Types].xml><?xml version="1.0" encoding="utf-8"?>
<Types xmlns="http://schemas.openxmlformats.org/package/2006/content-types">
  <Default Extension="emf" ContentType="image/x-emf"/>
  <Default Extension="jfif" ContentType="image/jpeg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2"/>
  </p:sldMasterIdLst>
  <p:notesMasterIdLst>
    <p:notesMasterId r:id="rId27"/>
  </p:notesMasterIdLst>
  <p:handoutMasterIdLst>
    <p:handoutMasterId r:id="rId28"/>
  </p:handoutMasterIdLst>
  <p:sldIdLst>
    <p:sldId id="324" r:id="rId13"/>
    <p:sldId id="326" r:id="rId14"/>
    <p:sldId id="327" r:id="rId15"/>
    <p:sldId id="337" r:id="rId16"/>
    <p:sldId id="338" r:id="rId17"/>
    <p:sldId id="339" r:id="rId18"/>
    <p:sldId id="328" r:id="rId19"/>
    <p:sldId id="332" r:id="rId20"/>
    <p:sldId id="334" r:id="rId21"/>
    <p:sldId id="329" r:id="rId22"/>
    <p:sldId id="330" r:id="rId23"/>
    <p:sldId id="331" r:id="rId24"/>
    <p:sldId id="336" r:id="rId25"/>
    <p:sldId id="323" r:id="rId2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1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2DE63D5-997A-4646-A377-4702673A728D}" styleName="Light Style 2 - Accent 3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</a:tcStyle>
    </a:band1H>
    <a:band1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1V>
    <a:band2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3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3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123" autoAdjust="0"/>
    <p:restoredTop sz="95238" autoAdjust="0"/>
  </p:normalViewPr>
  <p:slideViewPr>
    <p:cSldViewPr snapToGrid="0" showGuides="1">
      <p:cViewPr varScale="1">
        <p:scale>
          <a:sx n="103" d="100"/>
          <a:sy n="103" d="100"/>
        </p:scale>
        <p:origin x="200" y="58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1" d="100"/>
          <a:sy n="91" d="100"/>
        </p:scale>
        <p:origin x="1290" y="7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handoutMaster" Target="handoutMasters/handout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notesMaster" Target="notesMasters/notesMaster1.xml"/><Relationship Id="rId30" Type="http://schemas.openxmlformats.org/officeDocument/2006/relationships/presProps" Target="presProps.xml"/><Relationship Id="rId8" Type="http://schemas.openxmlformats.org/officeDocument/2006/relationships/customXml" Target="../customXml/item8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DA02EEE0-C5B4-0548-A697-D47DF57E9B38}" type="doc">
      <dgm:prSet loTypeId="urn:microsoft.com/office/officeart/2005/8/layout/funnel1" loCatId="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77D419ED-9070-5C47-A920-EC131AADB52C}">
      <dgm:prSet phldrT="[Text]"/>
      <dgm:spPr/>
      <dgm:t>
        <a:bodyPr/>
        <a:lstStyle/>
        <a:p>
          <a:r>
            <a:rPr lang="en-US" dirty="0"/>
            <a:t>External Sources</a:t>
          </a:r>
        </a:p>
        <a:p>
          <a:r>
            <a:rPr lang="en-US" dirty="0"/>
            <a:t>(social media)</a:t>
          </a:r>
        </a:p>
      </dgm:t>
    </dgm:pt>
    <dgm:pt modelId="{FC6C04DD-1EE0-734F-A157-65080F3248D5}" type="parTrans" cxnId="{D58B5C90-A009-7047-ACFF-47848C2D9F94}">
      <dgm:prSet/>
      <dgm:spPr/>
      <dgm:t>
        <a:bodyPr/>
        <a:lstStyle/>
        <a:p>
          <a:endParaRPr lang="en-US"/>
        </a:p>
      </dgm:t>
    </dgm:pt>
    <dgm:pt modelId="{77BF0C1F-3DD4-8C42-8446-F26756A1C028}" type="sibTrans" cxnId="{D58B5C90-A009-7047-ACFF-47848C2D9F94}">
      <dgm:prSet/>
      <dgm:spPr/>
      <dgm:t>
        <a:bodyPr/>
        <a:lstStyle/>
        <a:p>
          <a:endParaRPr lang="en-US"/>
        </a:p>
      </dgm:t>
    </dgm:pt>
    <dgm:pt modelId="{F6552C2C-01C5-0946-B451-1C56EABED66A}">
      <dgm:prSet phldrT="[Text]"/>
      <dgm:spPr/>
      <dgm:t>
        <a:bodyPr/>
        <a:lstStyle/>
        <a:p>
          <a:r>
            <a:rPr lang="en-US" dirty="0"/>
            <a:t>Internal Sources</a:t>
          </a:r>
        </a:p>
        <a:p>
          <a:r>
            <a:rPr lang="en-US" dirty="0"/>
            <a:t>(Claims/Patient History)</a:t>
          </a:r>
        </a:p>
      </dgm:t>
    </dgm:pt>
    <dgm:pt modelId="{AB9640B5-D800-014B-99AB-889EC712E932}" type="parTrans" cxnId="{E18BEFF4-1F44-2148-AA53-8728702BA529}">
      <dgm:prSet/>
      <dgm:spPr/>
      <dgm:t>
        <a:bodyPr/>
        <a:lstStyle/>
        <a:p>
          <a:endParaRPr lang="en-US"/>
        </a:p>
      </dgm:t>
    </dgm:pt>
    <dgm:pt modelId="{35155321-BFC6-1E49-84FE-4FEFAD2897AE}" type="sibTrans" cxnId="{E18BEFF4-1F44-2148-AA53-8728702BA529}">
      <dgm:prSet/>
      <dgm:spPr/>
      <dgm:t>
        <a:bodyPr/>
        <a:lstStyle/>
        <a:p>
          <a:endParaRPr lang="en-US"/>
        </a:p>
      </dgm:t>
    </dgm:pt>
    <dgm:pt modelId="{E65F76E9-DF51-DC41-BA19-B4F9A9A13369}">
      <dgm:prSet phldrT="[Text]"/>
      <dgm:spPr/>
      <dgm:t>
        <a:bodyPr/>
        <a:lstStyle/>
        <a:p>
          <a:r>
            <a:rPr lang="en-US" dirty="0"/>
            <a:t>Predictive Analytics</a:t>
          </a:r>
        </a:p>
      </dgm:t>
    </dgm:pt>
    <dgm:pt modelId="{204A813F-B932-8147-9694-296C116EDB68}" type="parTrans" cxnId="{E0FD54CB-30A6-5D4D-9FE7-A5E9A8DE7C59}">
      <dgm:prSet/>
      <dgm:spPr/>
      <dgm:t>
        <a:bodyPr/>
        <a:lstStyle/>
        <a:p>
          <a:endParaRPr lang="en-US"/>
        </a:p>
      </dgm:t>
    </dgm:pt>
    <dgm:pt modelId="{3771A5D3-1506-B34E-B51A-3DE4E1E2ED1F}" type="sibTrans" cxnId="{E0FD54CB-30A6-5D4D-9FE7-A5E9A8DE7C59}">
      <dgm:prSet/>
      <dgm:spPr/>
      <dgm:t>
        <a:bodyPr/>
        <a:lstStyle/>
        <a:p>
          <a:endParaRPr lang="en-US"/>
        </a:p>
      </dgm:t>
    </dgm:pt>
    <dgm:pt modelId="{F7178A57-F7F4-254C-9250-536654712EB6}">
      <dgm:prSet phldrT="[Text]"/>
      <dgm:spPr/>
      <dgm:t>
        <a:bodyPr/>
        <a:lstStyle/>
        <a:p>
          <a:r>
            <a:rPr lang="en-US" dirty="0"/>
            <a:t>Improved Pharmacy Management and Patient Outcomes</a:t>
          </a:r>
        </a:p>
      </dgm:t>
    </dgm:pt>
    <dgm:pt modelId="{8DBB4EA9-9399-A14D-A916-018568416CCF}" type="parTrans" cxnId="{7CB33A0F-CBFF-1341-99AA-A1AFB5798687}">
      <dgm:prSet/>
      <dgm:spPr/>
      <dgm:t>
        <a:bodyPr/>
        <a:lstStyle/>
        <a:p>
          <a:endParaRPr lang="en-US"/>
        </a:p>
      </dgm:t>
    </dgm:pt>
    <dgm:pt modelId="{0520C663-1DB4-5C4D-B61B-2665E190FD35}" type="sibTrans" cxnId="{7CB33A0F-CBFF-1341-99AA-A1AFB5798687}">
      <dgm:prSet/>
      <dgm:spPr/>
      <dgm:t>
        <a:bodyPr/>
        <a:lstStyle/>
        <a:p>
          <a:endParaRPr lang="en-US"/>
        </a:p>
      </dgm:t>
    </dgm:pt>
    <dgm:pt modelId="{6D119342-A68C-8C4B-A463-27353C0B0920}" type="pres">
      <dgm:prSet presAssocID="{DA02EEE0-C5B4-0548-A697-D47DF57E9B38}" presName="Name0" presStyleCnt="0">
        <dgm:presLayoutVars>
          <dgm:chMax val="4"/>
          <dgm:resizeHandles val="exact"/>
        </dgm:presLayoutVars>
      </dgm:prSet>
      <dgm:spPr/>
    </dgm:pt>
    <dgm:pt modelId="{26836CDD-A6A1-564A-9063-5EBD0FE22157}" type="pres">
      <dgm:prSet presAssocID="{DA02EEE0-C5B4-0548-A697-D47DF57E9B38}" presName="ellipse" presStyleLbl="trBgShp" presStyleIdx="0" presStyleCnt="1"/>
      <dgm:spPr/>
    </dgm:pt>
    <dgm:pt modelId="{65616F56-886B-8A48-BA96-C98F7814C1E0}" type="pres">
      <dgm:prSet presAssocID="{DA02EEE0-C5B4-0548-A697-D47DF57E9B38}" presName="arrow1" presStyleLbl="fgShp" presStyleIdx="0" presStyleCnt="1"/>
      <dgm:spPr/>
    </dgm:pt>
    <dgm:pt modelId="{37961465-2236-8240-8C2D-C0DFAC706595}" type="pres">
      <dgm:prSet presAssocID="{DA02EEE0-C5B4-0548-A697-D47DF57E9B38}" presName="rectangle" presStyleLbl="revTx" presStyleIdx="0" presStyleCnt="1">
        <dgm:presLayoutVars>
          <dgm:bulletEnabled val="1"/>
        </dgm:presLayoutVars>
      </dgm:prSet>
      <dgm:spPr/>
    </dgm:pt>
    <dgm:pt modelId="{31F2CF9E-2F68-2D46-8175-3921A56C0121}" type="pres">
      <dgm:prSet presAssocID="{F6552C2C-01C5-0946-B451-1C56EABED66A}" presName="item1" presStyleLbl="node1" presStyleIdx="0" presStyleCnt="3">
        <dgm:presLayoutVars>
          <dgm:bulletEnabled val="1"/>
        </dgm:presLayoutVars>
      </dgm:prSet>
      <dgm:spPr/>
    </dgm:pt>
    <dgm:pt modelId="{BF9B53AB-5EE0-E74C-A643-9FC9FC312896}" type="pres">
      <dgm:prSet presAssocID="{E65F76E9-DF51-DC41-BA19-B4F9A9A13369}" presName="item2" presStyleLbl="node1" presStyleIdx="1" presStyleCnt="3">
        <dgm:presLayoutVars>
          <dgm:bulletEnabled val="1"/>
        </dgm:presLayoutVars>
      </dgm:prSet>
      <dgm:spPr/>
    </dgm:pt>
    <dgm:pt modelId="{3610E775-2CFF-4144-82BF-AEEE867CD5C5}" type="pres">
      <dgm:prSet presAssocID="{F7178A57-F7F4-254C-9250-536654712EB6}" presName="item3" presStyleLbl="node1" presStyleIdx="2" presStyleCnt="3">
        <dgm:presLayoutVars>
          <dgm:bulletEnabled val="1"/>
        </dgm:presLayoutVars>
      </dgm:prSet>
      <dgm:spPr/>
    </dgm:pt>
    <dgm:pt modelId="{876C6299-4079-AF45-9149-8791C5EDBD79}" type="pres">
      <dgm:prSet presAssocID="{DA02EEE0-C5B4-0548-A697-D47DF57E9B38}" presName="funnel" presStyleLbl="trAlignAcc1" presStyleIdx="0" presStyleCnt="1" custScaleX="104761"/>
      <dgm:spPr/>
    </dgm:pt>
  </dgm:ptLst>
  <dgm:cxnLst>
    <dgm:cxn modelId="{6DC54904-ADFD-F44D-BE26-6B442D640530}" type="presOf" srcId="{F6552C2C-01C5-0946-B451-1C56EABED66A}" destId="{BF9B53AB-5EE0-E74C-A643-9FC9FC312896}" srcOrd="0" destOrd="0" presId="urn:microsoft.com/office/officeart/2005/8/layout/funnel1"/>
    <dgm:cxn modelId="{7CB33A0F-CBFF-1341-99AA-A1AFB5798687}" srcId="{DA02EEE0-C5B4-0548-A697-D47DF57E9B38}" destId="{F7178A57-F7F4-254C-9250-536654712EB6}" srcOrd="3" destOrd="0" parTransId="{8DBB4EA9-9399-A14D-A916-018568416CCF}" sibTransId="{0520C663-1DB4-5C4D-B61B-2665E190FD35}"/>
    <dgm:cxn modelId="{8BDB623A-866D-C649-9F24-D53E8FF1E610}" type="presOf" srcId="{E65F76E9-DF51-DC41-BA19-B4F9A9A13369}" destId="{31F2CF9E-2F68-2D46-8175-3921A56C0121}" srcOrd="0" destOrd="0" presId="urn:microsoft.com/office/officeart/2005/8/layout/funnel1"/>
    <dgm:cxn modelId="{12E0D075-DBB8-984A-8F80-F6B28764A060}" type="presOf" srcId="{DA02EEE0-C5B4-0548-A697-D47DF57E9B38}" destId="{6D119342-A68C-8C4B-A463-27353C0B0920}" srcOrd="0" destOrd="0" presId="urn:microsoft.com/office/officeart/2005/8/layout/funnel1"/>
    <dgm:cxn modelId="{D58B5C90-A009-7047-ACFF-47848C2D9F94}" srcId="{DA02EEE0-C5B4-0548-A697-D47DF57E9B38}" destId="{77D419ED-9070-5C47-A920-EC131AADB52C}" srcOrd="0" destOrd="0" parTransId="{FC6C04DD-1EE0-734F-A157-65080F3248D5}" sibTransId="{77BF0C1F-3DD4-8C42-8446-F26756A1C028}"/>
    <dgm:cxn modelId="{91B59DC2-A860-AE4B-83BC-F3E6A3301071}" type="presOf" srcId="{F7178A57-F7F4-254C-9250-536654712EB6}" destId="{37961465-2236-8240-8C2D-C0DFAC706595}" srcOrd="0" destOrd="0" presId="urn:microsoft.com/office/officeart/2005/8/layout/funnel1"/>
    <dgm:cxn modelId="{E0FD54CB-30A6-5D4D-9FE7-A5E9A8DE7C59}" srcId="{DA02EEE0-C5B4-0548-A697-D47DF57E9B38}" destId="{E65F76E9-DF51-DC41-BA19-B4F9A9A13369}" srcOrd="2" destOrd="0" parTransId="{204A813F-B932-8147-9694-296C116EDB68}" sibTransId="{3771A5D3-1506-B34E-B51A-3DE4E1E2ED1F}"/>
    <dgm:cxn modelId="{7E82BEDF-AFBC-2040-B565-4DC14516B583}" type="presOf" srcId="{77D419ED-9070-5C47-A920-EC131AADB52C}" destId="{3610E775-2CFF-4144-82BF-AEEE867CD5C5}" srcOrd="0" destOrd="0" presId="urn:microsoft.com/office/officeart/2005/8/layout/funnel1"/>
    <dgm:cxn modelId="{E18BEFF4-1F44-2148-AA53-8728702BA529}" srcId="{DA02EEE0-C5B4-0548-A697-D47DF57E9B38}" destId="{F6552C2C-01C5-0946-B451-1C56EABED66A}" srcOrd="1" destOrd="0" parTransId="{AB9640B5-D800-014B-99AB-889EC712E932}" sibTransId="{35155321-BFC6-1E49-84FE-4FEFAD2897AE}"/>
    <dgm:cxn modelId="{BA1588EC-5E99-B447-B7DE-1DB691FD142F}" type="presParOf" srcId="{6D119342-A68C-8C4B-A463-27353C0B0920}" destId="{26836CDD-A6A1-564A-9063-5EBD0FE22157}" srcOrd="0" destOrd="0" presId="urn:microsoft.com/office/officeart/2005/8/layout/funnel1"/>
    <dgm:cxn modelId="{8F9A7D6B-7C7B-264B-9C3E-DF786DCF4DAC}" type="presParOf" srcId="{6D119342-A68C-8C4B-A463-27353C0B0920}" destId="{65616F56-886B-8A48-BA96-C98F7814C1E0}" srcOrd="1" destOrd="0" presId="urn:microsoft.com/office/officeart/2005/8/layout/funnel1"/>
    <dgm:cxn modelId="{78D37527-3349-DE42-BA16-50AD6E93D7AB}" type="presParOf" srcId="{6D119342-A68C-8C4B-A463-27353C0B0920}" destId="{37961465-2236-8240-8C2D-C0DFAC706595}" srcOrd="2" destOrd="0" presId="urn:microsoft.com/office/officeart/2005/8/layout/funnel1"/>
    <dgm:cxn modelId="{58A1616C-45BC-6043-B1A0-58FE27B7965D}" type="presParOf" srcId="{6D119342-A68C-8C4B-A463-27353C0B0920}" destId="{31F2CF9E-2F68-2D46-8175-3921A56C0121}" srcOrd="3" destOrd="0" presId="urn:microsoft.com/office/officeart/2005/8/layout/funnel1"/>
    <dgm:cxn modelId="{BCB37EAE-4F99-E441-9ED8-1EDEDDF8291A}" type="presParOf" srcId="{6D119342-A68C-8C4B-A463-27353C0B0920}" destId="{BF9B53AB-5EE0-E74C-A643-9FC9FC312896}" srcOrd="4" destOrd="0" presId="urn:microsoft.com/office/officeart/2005/8/layout/funnel1"/>
    <dgm:cxn modelId="{67935ED5-97DE-5349-93D9-71F6393B10D2}" type="presParOf" srcId="{6D119342-A68C-8C4B-A463-27353C0B0920}" destId="{3610E775-2CFF-4144-82BF-AEEE867CD5C5}" srcOrd="5" destOrd="0" presId="urn:microsoft.com/office/officeart/2005/8/layout/funnel1"/>
    <dgm:cxn modelId="{B88E07CF-13F9-3D4F-B759-A5867409E6FB}" type="presParOf" srcId="{6D119342-A68C-8C4B-A463-27353C0B0920}" destId="{876C6299-4079-AF45-9149-8791C5EDBD79}" srcOrd="6" destOrd="0" presId="urn:microsoft.com/office/officeart/2005/8/layout/funnel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FC34F156-B511-4D2E-B848-73E7AE9EE729}" type="doc">
      <dgm:prSet loTypeId="urn:microsoft.com/office/officeart/2009/3/layout/PhasedProcess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E7F4D7EE-0B12-476F-8435-68ECE34FC1B0}">
      <dgm:prSet phldrT="[Text]"/>
      <dgm:spPr/>
      <dgm:t>
        <a:bodyPr/>
        <a:lstStyle/>
        <a:p>
          <a:r>
            <a:rPr lang="en-US" dirty="0"/>
            <a:t>Collect Data</a:t>
          </a:r>
        </a:p>
      </dgm:t>
    </dgm:pt>
    <dgm:pt modelId="{548234D3-238F-482F-9F15-1588C53C6C9D}" type="parTrans" cxnId="{4EB0D545-C9BF-4EAD-B1BB-4B59A0788D8C}">
      <dgm:prSet/>
      <dgm:spPr/>
      <dgm:t>
        <a:bodyPr/>
        <a:lstStyle/>
        <a:p>
          <a:endParaRPr lang="en-US"/>
        </a:p>
      </dgm:t>
    </dgm:pt>
    <dgm:pt modelId="{31E60D07-5B59-4E9F-817A-960F145D629F}" type="sibTrans" cxnId="{4EB0D545-C9BF-4EAD-B1BB-4B59A0788D8C}">
      <dgm:prSet/>
      <dgm:spPr/>
      <dgm:t>
        <a:bodyPr/>
        <a:lstStyle/>
        <a:p>
          <a:endParaRPr lang="en-US"/>
        </a:p>
      </dgm:t>
    </dgm:pt>
    <dgm:pt modelId="{0D948439-0088-4C7C-B1D6-4099BF52BACE}">
      <dgm:prSet phldrT="[Text]"/>
      <dgm:spPr/>
      <dgm:t>
        <a:bodyPr/>
        <a:lstStyle/>
        <a:p>
          <a:r>
            <a:rPr lang="en-US" dirty="0"/>
            <a:t>Demographic</a:t>
          </a:r>
        </a:p>
      </dgm:t>
    </dgm:pt>
    <dgm:pt modelId="{162AC44C-8E97-4CC2-8FC0-EF3560A90A53}" type="parTrans" cxnId="{2B281237-FA6E-4B46-80BF-1D988449AB92}">
      <dgm:prSet/>
      <dgm:spPr/>
      <dgm:t>
        <a:bodyPr/>
        <a:lstStyle/>
        <a:p>
          <a:endParaRPr lang="en-US"/>
        </a:p>
      </dgm:t>
    </dgm:pt>
    <dgm:pt modelId="{B04DF5EA-FF30-4D46-8B78-AD2780B670F5}" type="sibTrans" cxnId="{2B281237-FA6E-4B46-80BF-1D988449AB92}">
      <dgm:prSet/>
      <dgm:spPr/>
      <dgm:t>
        <a:bodyPr/>
        <a:lstStyle/>
        <a:p>
          <a:endParaRPr lang="en-US"/>
        </a:p>
      </dgm:t>
    </dgm:pt>
    <dgm:pt modelId="{57E9EA61-2592-4176-90A4-09E44DC35C2A}">
      <dgm:prSet phldrT="[Text]"/>
      <dgm:spPr/>
      <dgm:t>
        <a:bodyPr/>
        <a:lstStyle/>
        <a:p>
          <a:r>
            <a:rPr lang="en-US" dirty="0"/>
            <a:t>Prescriptions</a:t>
          </a:r>
        </a:p>
      </dgm:t>
    </dgm:pt>
    <dgm:pt modelId="{38E6A4DC-C046-4FD4-AA77-0E1692E0397F}" type="parTrans" cxnId="{D73E6660-2DBB-4B63-B463-D069CC3B2872}">
      <dgm:prSet/>
      <dgm:spPr/>
      <dgm:t>
        <a:bodyPr/>
        <a:lstStyle/>
        <a:p>
          <a:endParaRPr lang="en-US"/>
        </a:p>
      </dgm:t>
    </dgm:pt>
    <dgm:pt modelId="{70499DA2-261E-4BD1-B12F-A2CAA33F3F42}" type="sibTrans" cxnId="{D73E6660-2DBB-4B63-B463-D069CC3B2872}">
      <dgm:prSet/>
      <dgm:spPr/>
      <dgm:t>
        <a:bodyPr/>
        <a:lstStyle/>
        <a:p>
          <a:endParaRPr lang="en-US"/>
        </a:p>
      </dgm:t>
    </dgm:pt>
    <dgm:pt modelId="{29DB301C-FC51-46E1-AF63-3C3C17E3F8E2}">
      <dgm:prSet phldrT="[Text]"/>
      <dgm:spPr/>
      <dgm:t>
        <a:bodyPr/>
        <a:lstStyle/>
        <a:p>
          <a:r>
            <a:rPr lang="en-US" dirty="0"/>
            <a:t>Disease</a:t>
          </a:r>
        </a:p>
      </dgm:t>
    </dgm:pt>
    <dgm:pt modelId="{665B482B-34CD-4FFD-8C45-19D03FF8660B}" type="parTrans" cxnId="{A7B97DF1-DBEE-4F35-A097-D64785354427}">
      <dgm:prSet/>
      <dgm:spPr/>
      <dgm:t>
        <a:bodyPr/>
        <a:lstStyle/>
        <a:p>
          <a:endParaRPr lang="en-US"/>
        </a:p>
      </dgm:t>
    </dgm:pt>
    <dgm:pt modelId="{7BE698B8-AED7-4758-AB1E-D147199E85E9}" type="sibTrans" cxnId="{A7B97DF1-DBEE-4F35-A097-D64785354427}">
      <dgm:prSet/>
      <dgm:spPr/>
      <dgm:t>
        <a:bodyPr/>
        <a:lstStyle/>
        <a:p>
          <a:endParaRPr lang="en-US"/>
        </a:p>
      </dgm:t>
    </dgm:pt>
    <dgm:pt modelId="{AD608188-2631-4C79-B889-489090665F80}">
      <dgm:prSet phldrT="[Text]"/>
      <dgm:spPr/>
      <dgm:t>
        <a:bodyPr/>
        <a:lstStyle/>
        <a:p>
          <a:r>
            <a:rPr lang="en-US" dirty="0"/>
            <a:t>Develop Model</a:t>
          </a:r>
        </a:p>
      </dgm:t>
    </dgm:pt>
    <dgm:pt modelId="{7AC7359E-40EE-4582-AB6F-3931BE474D0B}" type="parTrans" cxnId="{EEE18ADC-BC89-4035-8E19-670A4ABB8F36}">
      <dgm:prSet/>
      <dgm:spPr/>
      <dgm:t>
        <a:bodyPr/>
        <a:lstStyle/>
        <a:p>
          <a:endParaRPr lang="en-US"/>
        </a:p>
      </dgm:t>
    </dgm:pt>
    <dgm:pt modelId="{E4E842E1-335C-43AD-B32B-69693EE493D9}" type="sibTrans" cxnId="{EEE18ADC-BC89-4035-8E19-670A4ABB8F36}">
      <dgm:prSet/>
      <dgm:spPr/>
      <dgm:t>
        <a:bodyPr/>
        <a:lstStyle/>
        <a:p>
          <a:endParaRPr lang="en-US"/>
        </a:p>
      </dgm:t>
    </dgm:pt>
    <dgm:pt modelId="{462BD2F0-7E95-47BA-A8F2-17597E144155}">
      <dgm:prSet phldrT="[Text]"/>
      <dgm:spPr/>
      <dgm:t>
        <a:bodyPr/>
        <a:lstStyle/>
        <a:p>
          <a:r>
            <a:rPr lang="en-US" dirty="0"/>
            <a:t>Linear Regression</a:t>
          </a:r>
        </a:p>
      </dgm:t>
    </dgm:pt>
    <dgm:pt modelId="{36B635AF-8B70-4632-BB77-DB2B7DE87E75}" type="parTrans" cxnId="{9E55B9AA-0FB1-4908-AA5F-2A00BF836EF1}">
      <dgm:prSet/>
      <dgm:spPr/>
      <dgm:t>
        <a:bodyPr/>
        <a:lstStyle/>
        <a:p>
          <a:endParaRPr lang="en-US"/>
        </a:p>
      </dgm:t>
    </dgm:pt>
    <dgm:pt modelId="{57E7FE18-7120-4FD1-B71D-4411D58332F7}" type="sibTrans" cxnId="{9E55B9AA-0FB1-4908-AA5F-2A00BF836EF1}">
      <dgm:prSet/>
      <dgm:spPr/>
      <dgm:t>
        <a:bodyPr/>
        <a:lstStyle/>
        <a:p>
          <a:endParaRPr lang="en-US"/>
        </a:p>
      </dgm:t>
    </dgm:pt>
    <dgm:pt modelId="{5DA2A80E-66A1-467B-8F67-339E9AACBDC4}">
      <dgm:prSet phldrT="[Text]"/>
      <dgm:spPr/>
      <dgm:t>
        <a:bodyPr/>
        <a:lstStyle/>
        <a:p>
          <a:r>
            <a:rPr lang="en-US" dirty="0"/>
            <a:t>Predict Demand</a:t>
          </a:r>
        </a:p>
      </dgm:t>
    </dgm:pt>
    <dgm:pt modelId="{7E3DCC4A-4E54-4783-82DF-068CF81893C6}" type="parTrans" cxnId="{027DCF3E-101A-47D0-B928-1E0D062CA679}">
      <dgm:prSet/>
      <dgm:spPr/>
      <dgm:t>
        <a:bodyPr/>
        <a:lstStyle/>
        <a:p>
          <a:endParaRPr lang="en-US"/>
        </a:p>
      </dgm:t>
    </dgm:pt>
    <dgm:pt modelId="{8E0B3476-12E8-4A4A-B32F-4E9FBB9D363B}" type="sibTrans" cxnId="{027DCF3E-101A-47D0-B928-1E0D062CA679}">
      <dgm:prSet/>
      <dgm:spPr/>
      <dgm:t>
        <a:bodyPr/>
        <a:lstStyle/>
        <a:p>
          <a:endParaRPr lang="en-US"/>
        </a:p>
      </dgm:t>
    </dgm:pt>
    <dgm:pt modelId="{9211AC4E-C158-4FD9-B230-D4A06292E292}">
      <dgm:prSet phldrT="[Text]"/>
      <dgm:spPr/>
      <dgm:t>
        <a:bodyPr/>
        <a:lstStyle/>
        <a:p>
          <a:r>
            <a:rPr lang="en-US" dirty="0"/>
            <a:t>Adjusted Prediction</a:t>
          </a:r>
        </a:p>
      </dgm:t>
    </dgm:pt>
    <dgm:pt modelId="{EF8BC3E0-B3EC-4FEF-901F-2580B6AD0067}" type="parTrans" cxnId="{E2B17CDD-57D9-40FA-ACB7-7C03127BA541}">
      <dgm:prSet/>
      <dgm:spPr/>
      <dgm:t>
        <a:bodyPr/>
        <a:lstStyle/>
        <a:p>
          <a:endParaRPr lang="en-US"/>
        </a:p>
      </dgm:t>
    </dgm:pt>
    <dgm:pt modelId="{EAF09A10-551E-4F39-86E9-E7D5BD3CC130}" type="sibTrans" cxnId="{E2B17CDD-57D9-40FA-ACB7-7C03127BA541}">
      <dgm:prSet/>
      <dgm:spPr/>
      <dgm:t>
        <a:bodyPr/>
        <a:lstStyle/>
        <a:p>
          <a:endParaRPr lang="en-US"/>
        </a:p>
      </dgm:t>
    </dgm:pt>
    <dgm:pt modelId="{F3397E4E-9B7A-4EE7-ADA9-A752CE2D227A}">
      <dgm:prSet phldrT="[Text]"/>
      <dgm:spPr/>
      <dgm:t>
        <a:bodyPr/>
        <a:lstStyle/>
        <a:p>
          <a:r>
            <a:rPr lang="en-US" dirty="0"/>
            <a:t>Multiplication factors</a:t>
          </a:r>
        </a:p>
      </dgm:t>
    </dgm:pt>
    <dgm:pt modelId="{1191CEB8-9747-4640-BFD8-AC6A8BD51D4D}" type="parTrans" cxnId="{56BE2D15-30A9-43EB-8CAE-539C27D96E66}">
      <dgm:prSet/>
      <dgm:spPr/>
      <dgm:t>
        <a:bodyPr/>
        <a:lstStyle/>
        <a:p>
          <a:endParaRPr lang="en-US"/>
        </a:p>
      </dgm:t>
    </dgm:pt>
    <dgm:pt modelId="{58074BC6-4ED5-4F15-B54A-0C02B2942601}" type="sibTrans" cxnId="{56BE2D15-30A9-43EB-8CAE-539C27D96E66}">
      <dgm:prSet/>
      <dgm:spPr/>
      <dgm:t>
        <a:bodyPr/>
        <a:lstStyle/>
        <a:p>
          <a:endParaRPr lang="en-US"/>
        </a:p>
      </dgm:t>
    </dgm:pt>
    <dgm:pt modelId="{648E1317-6B9A-45CA-AF3A-2B16D5BC67A8}" type="pres">
      <dgm:prSet presAssocID="{FC34F156-B511-4D2E-B848-73E7AE9EE729}" presName="Name0" presStyleCnt="0">
        <dgm:presLayoutVars>
          <dgm:chMax val="3"/>
          <dgm:chPref val="3"/>
          <dgm:bulletEnabled val="1"/>
          <dgm:dir/>
          <dgm:animLvl val="lvl"/>
        </dgm:presLayoutVars>
      </dgm:prSet>
      <dgm:spPr/>
    </dgm:pt>
    <dgm:pt modelId="{7FCA2F7F-84EB-40BD-A39A-77BC791A2CE1}" type="pres">
      <dgm:prSet presAssocID="{FC34F156-B511-4D2E-B848-73E7AE9EE729}" presName="arc1" presStyleLbl="node1" presStyleIdx="0" presStyleCnt="4"/>
      <dgm:spPr/>
    </dgm:pt>
    <dgm:pt modelId="{6E76DC2C-B313-47D3-9577-DA8BD6D0B80B}" type="pres">
      <dgm:prSet presAssocID="{FC34F156-B511-4D2E-B848-73E7AE9EE729}" presName="arc3" presStyleLbl="node1" presStyleIdx="1" presStyleCnt="4"/>
      <dgm:spPr/>
    </dgm:pt>
    <dgm:pt modelId="{CD02B17D-6F5C-43C7-A8F8-537547F1A91E}" type="pres">
      <dgm:prSet presAssocID="{FC34F156-B511-4D2E-B848-73E7AE9EE729}" presName="parentText2" presStyleLbl="revTx" presStyleIdx="0" presStyleCnt="3">
        <dgm:presLayoutVars>
          <dgm:chMax val="4"/>
          <dgm:chPref val="3"/>
          <dgm:bulletEnabled val="1"/>
        </dgm:presLayoutVars>
      </dgm:prSet>
      <dgm:spPr/>
    </dgm:pt>
    <dgm:pt modelId="{5E454DDA-083F-4FF1-AFC5-4CB0B0592B56}" type="pres">
      <dgm:prSet presAssocID="{FC34F156-B511-4D2E-B848-73E7AE9EE729}" presName="arc2" presStyleLbl="node1" presStyleIdx="2" presStyleCnt="4"/>
      <dgm:spPr/>
    </dgm:pt>
    <dgm:pt modelId="{F00F393C-452E-468F-A069-E1042540D906}" type="pres">
      <dgm:prSet presAssocID="{FC34F156-B511-4D2E-B848-73E7AE9EE729}" presName="arc4" presStyleLbl="node1" presStyleIdx="3" presStyleCnt="4"/>
      <dgm:spPr/>
    </dgm:pt>
    <dgm:pt modelId="{849AB930-5595-41F3-9458-CA9E2C282202}" type="pres">
      <dgm:prSet presAssocID="{FC34F156-B511-4D2E-B848-73E7AE9EE729}" presName="parentText3" presStyleLbl="revTx" presStyleIdx="1" presStyleCnt="3">
        <dgm:presLayoutVars>
          <dgm:chMax val="1"/>
          <dgm:chPref val="1"/>
          <dgm:bulletEnabled val="1"/>
        </dgm:presLayoutVars>
      </dgm:prSet>
      <dgm:spPr/>
    </dgm:pt>
    <dgm:pt modelId="{B905A0B3-EA62-4ECE-9452-8B1712D9018F}" type="pres">
      <dgm:prSet presAssocID="{FC34F156-B511-4D2E-B848-73E7AE9EE729}" presName="middleComposite" presStyleCnt="0"/>
      <dgm:spPr/>
    </dgm:pt>
    <dgm:pt modelId="{BC178781-179E-414A-8685-800F08FEA9DD}" type="pres">
      <dgm:prSet presAssocID="{462BD2F0-7E95-47BA-A8F2-17597E144155}" presName="circ1" presStyleLbl="vennNode1" presStyleIdx="0" presStyleCnt="8"/>
      <dgm:spPr/>
    </dgm:pt>
    <dgm:pt modelId="{DFF4664B-07F7-4F17-9067-507950FA2B0A}" type="pres">
      <dgm:prSet presAssocID="{462BD2F0-7E95-47BA-A8F2-17597E144155}" presName="circ1Tx" presStyleLbl="revTx" presStyleIdx="1" presStyleCnt="3">
        <dgm:presLayoutVars>
          <dgm:chMax val="0"/>
          <dgm:chPref val="0"/>
        </dgm:presLayoutVars>
      </dgm:prSet>
      <dgm:spPr/>
    </dgm:pt>
    <dgm:pt modelId="{FDF4CD61-9F0F-4A69-92C5-9D90A093B3A1}" type="pres">
      <dgm:prSet presAssocID="{F3397E4E-9B7A-4EE7-ADA9-A752CE2D227A}" presName="circ2" presStyleLbl="vennNode1" presStyleIdx="1" presStyleCnt="8"/>
      <dgm:spPr/>
    </dgm:pt>
    <dgm:pt modelId="{B3EAE3BE-2253-4F06-95B8-92880AD98AFE}" type="pres">
      <dgm:prSet presAssocID="{F3397E4E-9B7A-4EE7-ADA9-A752CE2D227A}" presName="circ2Tx" presStyleLbl="revTx" presStyleIdx="1" presStyleCnt="3">
        <dgm:presLayoutVars>
          <dgm:chMax val="0"/>
          <dgm:chPref val="0"/>
        </dgm:presLayoutVars>
      </dgm:prSet>
      <dgm:spPr/>
    </dgm:pt>
    <dgm:pt modelId="{E4D1D12C-6F4B-4EE8-B3F6-F656CB4940CE}" type="pres">
      <dgm:prSet presAssocID="{FC34F156-B511-4D2E-B848-73E7AE9EE729}" presName="leftComposite" presStyleCnt="0"/>
      <dgm:spPr/>
    </dgm:pt>
    <dgm:pt modelId="{A6E42C5D-689B-43E1-B5E3-67A95AE59E94}" type="pres">
      <dgm:prSet presAssocID="{0D948439-0088-4C7C-B1D6-4099BF52BACE}" presName="childText1_1" presStyleLbl="vennNode1" presStyleIdx="2" presStyleCnt="8">
        <dgm:presLayoutVars>
          <dgm:chMax val="0"/>
          <dgm:chPref val="0"/>
        </dgm:presLayoutVars>
      </dgm:prSet>
      <dgm:spPr/>
    </dgm:pt>
    <dgm:pt modelId="{38467C0C-BBBE-4EAA-A7EC-7BF57ED878D1}" type="pres">
      <dgm:prSet presAssocID="{0D948439-0088-4C7C-B1D6-4099BF52BACE}" presName="ellipse1" presStyleLbl="vennNode1" presStyleIdx="3" presStyleCnt="8"/>
      <dgm:spPr/>
    </dgm:pt>
    <dgm:pt modelId="{F71EDFAD-3CE5-41A1-B657-AD6A0D704580}" type="pres">
      <dgm:prSet presAssocID="{0D948439-0088-4C7C-B1D6-4099BF52BACE}" presName="ellipse2" presStyleLbl="vennNode1" presStyleIdx="4" presStyleCnt="8"/>
      <dgm:spPr/>
    </dgm:pt>
    <dgm:pt modelId="{38DF298E-56A6-4FD9-8F0D-ACB5F427A1EE}" type="pres">
      <dgm:prSet presAssocID="{57E9EA61-2592-4176-90A4-09E44DC35C2A}" presName="childText1_2" presStyleLbl="vennNode1" presStyleIdx="5" presStyleCnt="8">
        <dgm:presLayoutVars>
          <dgm:chMax val="0"/>
          <dgm:chPref val="0"/>
        </dgm:presLayoutVars>
      </dgm:prSet>
      <dgm:spPr/>
    </dgm:pt>
    <dgm:pt modelId="{9EC51601-0C34-4DF2-9A17-32F0303EC0D8}" type="pres">
      <dgm:prSet presAssocID="{57E9EA61-2592-4176-90A4-09E44DC35C2A}" presName="ellipse3" presStyleLbl="vennNode1" presStyleIdx="6" presStyleCnt="8"/>
      <dgm:spPr/>
    </dgm:pt>
    <dgm:pt modelId="{3C25722E-F34D-4A11-9814-44CA42179FC7}" type="pres">
      <dgm:prSet presAssocID="{29DB301C-FC51-46E1-AF63-3C3C17E3F8E2}" presName="childText1_3" presStyleLbl="vennNode1" presStyleIdx="7" presStyleCnt="8">
        <dgm:presLayoutVars>
          <dgm:chMax val="0"/>
          <dgm:chPref val="0"/>
        </dgm:presLayoutVars>
      </dgm:prSet>
      <dgm:spPr/>
    </dgm:pt>
    <dgm:pt modelId="{2D17E593-C9BB-4638-A578-4B608D7D4746}" type="pres">
      <dgm:prSet presAssocID="{FC34F156-B511-4D2E-B848-73E7AE9EE729}" presName="rightChild" presStyleLbl="node2" presStyleIdx="0" presStyleCnt="1">
        <dgm:presLayoutVars>
          <dgm:chMax val="0"/>
          <dgm:chPref val="0"/>
        </dgm:presLayoutVars>
      </dgm:prSet>
      <dgm:spPr/>
    </dgm:pt>
    <dgm:pt modelId="{72E14BEE-8F9A-4D99-8EB9-F33961939FA0}" type="pres">
      <dgm:prSet presAssocID="{FC34F156-B511-4D2E-B848-73E7AE9EE729}" presName="parentText1" presStyleLbl="revTx" presStyleIdx="2" presStyleCnt="3">
        <dgm:presLayoutVars>
          <dgm:chMax val="4"/>
          <dgm:chPref val="3"/>
          <dgm:bulletEnabled val="1"/>
        </dgm:presLayoutVars>
      </dgm:prSet>
      <dgm:spPr/>
    </dgm:pt>
  </dgm:ptLst>
  <dgm:cxnLst>
    <dgm:cxn modelId="{F829230D-8F96-4967-9D9F-E7C414D545EE}" type="presOf" srcId="{29DB301C-FC51-46E1-AF63-3C3C17E3F8E2}" destId="{3C25722E-F34D-4A11-9814-44CA42179FC7}" srcOrd="0" destOrd="0" presId="urn:microsoft.com/office/officeart/2009/3/layout/PhasedProcess"/>
    <dgm:cxn modelId="{56BE2D15-30A9-43EB-8CAE-539C27D96E66}" srcId="{AD608188-2631-4C79-B889-489090665F80}" destId="{F3397E4E-9B7A-4EE7-ADA9-A752CE2D227A}" srcOrd="1" destOrd="0" parTransId="{1191CEB8-9747-4640-BFD8-AC6A8BD51D4D}" sibTransId="{58074BC6-4ED5-4F15-B54A-0C02B2942601}"/>
    <dgm:cxn modelId="{8F7C4417-CE7E-4616-91F3-0B15E0577B4A}" type="presOf" srcId="{F3397E4E-9B7A-4EE7-ADA9-A752CE2D227A}" destId="{B3EAE3BE-2253-4F06-95B8-92880AD98AFE}" srcOrd="1" destOrd="0" presId="urn:microsoft.com/office/officeart/2009/3/layout/PhasedProcess"/>
    <dgm:cxn modelId="{897F7317-E08E-4F85-8F04-05E5383D067A}" type="presOf" srcId="{E7F4D7EE-0B12-476F-8435-68ECE34FC1B0}" destId="{72E14BEE-8F9A-4D99-8EB9-F33961939FA0}" srcOrd="0" destOrd="0" presId="urn:microsoft.com/office/officeart/2009/3/layout/PhasedProcess"/>
    <dgm:cxn modelId="{E4613423-E8B3-4938-A2F6-B79AEE1BDF63}" type="presOf" srcId="{57E9EA61-2592-4176-90A4-09E44DC35C2A}" destId="{38DF298E-56A6-4FD9-8F0D-ACB5F427A1EE}" srcOrd="0" destOrd="0" presId="urn:microsoft.com/office/officeart/2009/3/layout/PhasedProcess"/>
    <dgm:cxn modelId="{2CA0E228-6A84-4F2D-A42D-598B0594220E}" type="presOf" srcId="{AD608188-2631-4C79-B889-489090665F80}" destId="{CD02B17D-6F5C-43C7-A8F8-537547F1A91E}" srcOrd="0" destOrd="0" presId="urn:microsoft.com/office/officeart/2009/3/layout/PhasedProcess"/>
    <dgm:cxn modelId="{2B281237-FA6E-4B46-80BF-1D988449AB92}" srcId="{E7F4D7EE-0B12-476F-8435-68ECE34FC1B0}" destId="{0D948439-0088-4C7C-B1D6-4099BF52BACE}" srcOrd="0" destOrd="0" parTransId="{162AC44C-8E97-4CC2-8FC0-EF3560A90A53}" sibTransId="{B04DF5EA-FF30-4D46-8B78-AD2780B670F5}"/>
    <dgm:cxn modelId="{027DCF3E-101A-47D0-B928-1E0D062CA679}" srcId="{FC34F156-B511-4D2E-B848-73E7AE9EE729}" destId="{5DA2A80E-66A1-467B-8F67-339E9AACBDC4}" srcOrd="2" destOrd="0" parTransId="{7E3DCC4A-4E54-4783-82DF-068CF81893C6}" sibTransId="{8E0B3476-12E8-4A4A-B32F-4E9FBB9D363B}"/>
    <dgm:cxn modelId="{4EB0D545-C9BF-4EAD-B1BB-4B59A0788D8C}" srcId="{FC34F156-B511-4D2E-B848-73E7AE9EE729}" destId="{E7F4D7EE-0B12-476F-8435-68ECE34FC1B0}" srcOrd="0" destOrd="0" parTransId="{548234D3-238F-482F-9F15-1588C53C6C9D}" sibTransId="{31E60D07-5B59-4E9F-817A-960F145D629F}"/>
    <dgm:cxn modelId="{C8818E53-18F5-4CA7-835C-CC17FA4B66A5}" type="presOf" srcId="{9211AC4E-C158-4FD9-B230-D4A06292E292}" destId="{2D17E593-C9BB-4638-A578-4B608D7D4746}" srcOrd="0" destOrd="0" presId="urn:microsoft.com/office/officeart/2009/3/layout/PhasedProcess"/>
    <dgm:cxn modelId="{EF516758-D526-4388-83BE-261A3014E14B}" type="presOf" srcId="{5DA2A80E-66A1-467B-8F67-339E9AACBDC4}" destId="{849AB930-5595-41F3-9458-CA9E2C282202}" srcOrd="0" destOrd="0" presId="urn:microsoft.com/office/officeart/2009/3/layout/PhasedProcess"/>
    <dgm:cxn modelId="{D73E6660-2DBB-4B63-B463-D069CC3B2872}" srcId="{E7F4D7EE-0B12-476F-8435-68ECE34FC1B0}" destId="{57E9EA61-2592-4176-90A4-09E44DC35C2A}" srcOrd="1" destOrd="0" parTransId="{38E6A4DC-C046-4FD4-AA77-0E1692E0397F}" sibTransId="{70499DA2-261E-4BD1-B12F-A2CAA33F3F42}"/>
    <dgm:cxn modelId="{69260D7D-1A89-40BE-81BA-BA63CEF986EB}" type="presOf" srcId="{FC34F156-B511-4D2E-B848-73E7AE9EE729}" destId="{648E1317-6B9A-45CA-AF3A-2B16D5BC67A8}" srcOrd="0" destOrd="0" presId="urn:microsoft.com/office/officeart/2009/3/layout/PhasedProcess"/>
    <dgm:cxn modelId="{D9562C91-5CB7-453D-9B5A-2A2722D509BC}" type="presOf" srcId="{0D948439-0088-4C7C-B1D6-4099BF52BACE}" destId="{A6E42C5D-689B-43E1-B5E3-67A95AE59E94}" srcOrd="0" destOrd="0" presId="urn:microsoft.com/office/officeart/2009/3/layout/PhasedProcess"/>
    <dgm:cxn modelId="{0E4AAB95-96EF-454D-98A1-38FFD63C29A3}" type="presOf" srcId="{F3397E4E-9B7A-4EE7-ADA9-A752CE2D227A}" destId="{FDF4CD61-9F0F-4A69-92C5-9D90A093B3A1}" srcOrd="0" destOrd="0" presId="urn:microsoft.com/office/officeart/2009/3/layout/PhasedProcess"/>
    <dgm:cxn modelId="{9E55B9AA-0FB1-4908-AA5F-2A00BF836EF1}" srcId="{AD608188-2631-4C79-B889-489090665F80}" destId="{462BD2F0-7E95-47BA-A8F2-17597E144155}" srcOrd="0" destOrd="0" parTransId="{36B635AF-8B70-4632-BB77-DB2B7DE87E75}" sibTransId="{57E7FE18-7120-4FD1-B71D-4411D58332F7}"/>
    <dgm:cxn modelId="{27B737BC-DE9B-4823-92A8-4F58F0E4BD07}" type="presOf" srcId="{462BD2F0-7E95-47BA-A8F2-17597E144155}" destId="{DFF4664B-07F7-4F17-9067-507950FA2B0A}" srcOrd="1" destOrd="0" presId="urn:microsoft.com/office/officeart/2009/3/layout/PhasedProcess"/>
    <dgm:cxn modelId="{EEE18ADC-BC89-4035-8E19-670A4ABB8F36}" srcId="{FC34F156-B511-4D2E-B848-73E7AE9EE729}" destId="{AD608188-2631-4C79-B889-489090665F80}" srcOrd="1" destOrd="0" parTransId="{7AC7359E-40EE-4582-AB6F-3931BE474D0B}" sibTransId="{E4E842E1-335C-43AD-B32B-69693EE493D9}"/>
    <dgm:cxn modelId="{E2B17CDD-57D9-40FA-ACB7-7C03127BA541}" srcId="{5DA2A80E-66A1-467B-8F67-339E9AACBDC4}" destId="{9211AC4E-C158-4FD9-B230-D4A06292E292}" srcOrd="0" destOrd="0" parTransId="{EF8BC3E0-B3EC-4FEF-901F-2580B6AD0067}" sibTransId="{EAF09A10-551E-4F39-86E9-E7D5BD3CC130}"/>
    <dgm:cxn modelId="{769656EE-163C-471B-A3C5-28CBC89751C2}" type="presOf" srcId="{462BD2F0-7E95-47BA-A8F2-17597E144155}" destId="{BC178781-179E-414A-8685-800F08FEA9DD}" srcOrd="0" destOrd="0" presId="urn:microsoft.com/office/officeart/2009/3/layout/PhasedProcess"/>
    <dgm:cxn modelId="{A7B97DF1-DBEE-4F35-A097-D64785354427}" srcId="{E7F4D7EE-0B12-476F-8435-68ECE34FC1B0}" destId="{29DB301C-FC51-46E1-AF63-3C3C17E3F8E2}" srcOrd="2" destOrd="0" parTransId="{665B482B-34CD-4FFD-8C45-19D03FF8660B}" sibTransId="{7BE698B8-AED7-4758-AB1E-D147199E85E9}"/>
    <dgm:cxn modelId="{18F95633-D318-4438-8975-7C31576DF70F}" type="presParOf" srcId="{648E1317-6B9A-45CA-AF3A-2B16D5BC67A8}" destId="{7FCA2F7F-84EB-40BD-A39A-77BC791A2CE1}" srcOrd="0" destOrd="0" presId="urn:microsoft.com/office/officeart/2009/3/layout/PhasedProcess"/>
    <dgm:cxn modelId="{4F6FBE8E-3455-4B91-BEDE-12DA5BFF0AE2}" type="presParOf" srcId="{648E1317-6B9A-45CA-AF3A-2B16D5BC67A8}" destId="{6E76DC2C-B313-47D3-9577-DA8BD6D0B80B}" srcOrd="1" destOrd="0" presId="urn:microsoft.com/office/officeart/2009/3/layout/PhasedProcess"/>
    <dgm:cxn modelId="{14523B88-5B5F-4FAB-B51B-7898A5D15BAB}" type="presParOf" srcId="{648E1317-6B9A-45CA-AF3A-2B16D5BC67A8}" destId="{CD02B17D-6F5C-43C7-A8F8-537547F1A91E}" srcOrd="2" destOrd="0" presId="urn:microsoft.com/office/officeart/2009/3/layout/PhasedProcess"/>
    <dgm:cxn modelId="{569F09AC-9F4C-41F4-891E-8A7DE8C4B9E7}" type="presParOf" srcId="{648E1317-6B9A-45CA-AF3A-2B16D5BC67A8}" destId="{5E454DDA-083F-4FF1-AFC5-4CB0B0592B56}" srcOrd="3" destOrd="0" presId="urn:microsoft.com/office/officeart/2009/3/layout/PhasedProcess"/>
    <dgm:cxn modelId="{373AEDFC-815C-4626-9EAC-EC9ECA41A5D9}" type="presParOf" srcId="{648E1317-6B9A-45CA-AF3A-2B16D5BC67A8}" destId="{F00F393C-452E-468F-A069-E1042540D906}" srcOrd="4" destOrd="0" presId="urn:microsoft.com/office/officeart/2009/3/layout/PhasedProcess"/>
    <dgm:cxn modelId="{BFD2146C-AB9B-4154-B13F-4F54C7E595D9}" type="presParOf" srcId="{648E1317-6B9A-45CA-AF3A-2B16D5BC67A8}" destId="{849AB930-5595-41F3-9458-CA9E2C282202}" srcOrd="5" destOrd="0" presId="urn:microsoft.com/office/officeart/2009/3/layout/PhasedProcess"/>
    <dgm:cxn modelId="{8D732E3F-806A-42F5-8631-6E67D7DFE37F}" type="presParOf" srcId="{648E1317-6B9A-45CA-AF3A-2B16D5BC67A8}" destId="{B905A0B3-EA62-4ECE-9452-8B1712D9018F}" srcOrd="6" destOrd="0" presId="urn:microsoft.com/office/officeart/2009/3/layout/PhasedProcess"/>
    <dgm:cxn modelId="{C2C72BAC-ECCF-4D20-BC99-FE4ED5EDF83E}" type="presParOf" srcId="{B905A0B3-EA62-4ECE-9452-8B1712D9018F}" destId="{BC178781-179E-414A-8685-800F08FEA9DD}" srcOrd="0" destOrd="0" presId="urn:microsoft.com/office/officeart/2009/3/layout/PhasedProcess"/>
    <dgm:cxn modelId="{6B5C5E68-C667-4E67-A0FD-4ABE0C44CD8E}" type="presParOf" srcId="{B905A0B3-EA62-4ECE-9452-8B1712D9018F}" destId="{DFF4664B-07F7-4F17-9067-507950FA2B0A}" srcOrd="1" destOrd="0" presId="urn:microsoft.com/office/officeart/2009/3/layout/PhasedProcess"/>
    <dgm:cxn modelId="{7EAF93E6-896C-41E4-AA30-6A1ED1A4F12E}" type="presParOf" srcId="{B905A0B3-EA62-4ECE-9452-8B1712D9018F}" destId="{FDF4CD61-9F0F-4A69-92C5-9D90A093B3A1}" srcOrd="2" destOrd="0" presId="urn:microsoft.com/office/officeart/2009/3/layout/PhasedProcess"/>
    <dgm:cxn modelId="{4B1DBFDF-2FC1-46D5-B0F1-60C3B1F6C30C}" type="presParOf" srcId="{B905A0B3-EA62-4ECE-9452-8B1712D9018F}" destId="{B3EAE3BE-2253-4F06-95B8-92880AD98AFE}" srcOrd="3" destOrd="0" presId="urn:microsoft.com/office/officeart/2009/3/layout/PhasedProcess"/>
    <dgm:cxn modelId="{CA26B3A6-216F-48DA-8B42-97A3EF9E8CB1}" type="presParOf" srcId="{648E1317-6B9A-45CA-AF3A-2B16D5BC67A8}" destId="{E4D1D12C-6F4B-4EE8-B3F6-F656CB4940CE}" srcOrd="7" destOrd="0" presId="urn:microsoft.com/office/officeart/2009/3/layout/PhasedProcess"/>
    <dgm:cxn modelId="{072F570D-FBF2-47C7-B830-35BB4B6B5E66}" type="presParOf" srcId="{E4D1D12C-6F4B-4EE8-B3F6-F656CB4940CE}" destId="{A6E42C5D-689B-43E1-B5E3-67A95AE59E94}" srcOrd="0" destOrd="0" presId="urn:microsoft.com/office/officeart/2009/3/layout/PhasedProcess"/>
    <dgm:cxn modelId="{D9B4F583-B128-4A29-9A83-0333D1DBD7DF}" type="presParOf" srcId="{E4D1D12C-6F4B-4EE8-B3F6-F656CB4940CE}" destId="{38467C0C-BBBE-4EAA-A7EC-7BF57ED878D1}" srcOrd="1" destOrd="0" presId="urn:microsoft.com/office/officeart/2009/3/layout/PhasedProcess"/>
    <dgm:cxn modelId="{173AD51B-C252-4185-8BB3-8EBA1712037A}" type="presParOf" srcId="{E4D1D12C-6F4B-4EE8-B3F6-F656CB4940CE}" destId="{F71EDFAD-3CE5-41A1-B657-AD6A0D704580}" srcOrd="2" destOrd="0" presId="urn:microsoft.com/office/officeart/2009/3/layout/PhasedProcess"/>
    <dgm:cxn modelId="{FCF805F6-4853-456D-94BF-E083887FBB5C}" type="presParOf" srcId="{E4D1D12C-6F4B-4EE8-B3F6-F656CB4940CE}" destId="{38DF298E-56A6-4FD9-8F0D-ACB5F427A1EE}" srcOrd="3" destOrd="0" presId="urn:microsoft.com/office/officeart/2009/3/layout/PhasedProcess"/>
    <dgm:cxn modelId="{02C428A1-1221-411A-8D1E-E4B52F3A347D}" type="presParOf" srcId="{E4D1D12C-6F4B-4EE8-B3F6-F656CB4940CE}" destId="{9EC51601-0C34-4DF2-9A17-32F0303EC0D8}" srcOrd="4" destOrd="0" presId="urn:microsoft.com/office/officeart/2009/3/layout/PhasedProcess"/>
    <dgm:cxn modelId="{35364693-8CD5-4E0B-A9B5-33C0C84F1030}" type="presParOf" srcId="{E4D1D12C-6F4B-4EE8-B3F6-F656CB4940CE}" destId="{3C25722E-F34D-4A11-9814-44CA42179FC7}" srcOrd="5" destOrd="0" presId="urn:microsoft.com/office/officeart/2009/3/layout/PhasedProcess"/>
    <dgm:cxn modelId="{B39FAFF2-C486-4FCB-8B43-E82C3131FBD6}" type="presParOf" srcId="{648E1317-6B9A-45CA-AF3A-2B16D5BC67A8}" destId="{2D17E593-C9BB-4638-A578-4B608D7D4746}" srcOrd="8" destOrd="0" presId="urn:microsoft.com/office/officeart/2009/3/layout/PhasedProcess"/>
    <dgm:cxn modelId="{083B3349-BBD5-44EF-9115-1556B6ABD165}" type="presParOf" srcId="{648E1317-6B9A-45CA-AF3A-2B16D5BC67A8}" destId="{72E14BEE-8F9A-4D99-8EB9-F33961939FA0}" srcOrd="9" destOrd="0" presId="urn:microsoft.com/office/officeart/2009/3/layout/PhasedProcess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6836CDD-A6A1-564A-9063-5EBD0FE22157}">
      <dsp:nvSpPr>
        <dsp:cNvPr id="0" name=""/>
        <dsp:cNvSpPr/>
      </dsp:nvSpPr>
      <dsp:spPr>
        <a:xfrm>
          <a:off x="3965945" y="177869"/>
          <a:ext cx="3530024" cy="1225931"/>
        </a:xfrm>
        <a:prstGeom prst="ellipse">
          <a:avLst/>
        </a:prstGeom>
        <a:solidFill>
          <a:schemeClr val="accent1">
            <a:tint val="50000"/>
            <a:alpha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65616F56-886B-8A48-BA96-C98F7814C1E0}">
      <dsp:nvSpPr>
        <dsp:cNvPr id="0" name=""/>
        <dsp:cNvSpPr/>
      </dsp:nvSpPr>
      <dsp:spPr>
        <a:xfrm>
          <a:off x="5394374" y="3179758"/>
          <a:ext cx="684113" cy="437832"/>
        </a:xfrm>
        <a:prstGeom prst="downArrow">
          <a:avLst/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37961465-2236-8240-8C2D-C0DFAC706595}">
      <dsp:nvSpPr>
        <dsp:cNvPr id="0" name=""/>
        <dsp:cNvSpPr/>
      </dsp:nvSpPr>
      <dsp:spPr>
        <a:xfrm>
          <a:off x="4094559" y="3530024"/>
          <a:ext cx="3283743" cy="82093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9568" tIns="99568" rIns="99568" bIns="99568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 dirty="0"/>
            <a:t>Improved Pharmacy Management and Patient Outcomes</a:t>
          </a:r>
        </a:p>
      </dsp:txBody>
      <dsp:txXfrm>
        <a:off x="4094559" y="3530024"/>
        <a:ext cx="3283743" cy="820935"/>
      </dsp:txXfrm>
    </dsp:sp>
    <dsp:sp modelId="{31F2CF9E-2F68-2D46-8175-3921A56C0121}">
      <dsp:nvSpPr>
        <dsp:cNvPr id="0" name=""/>
        <dsp:cNvSpPr/>
      </dsp:nvSpPr>
      <dsp:spPr>
        <a:xfrm>
          <a:off x="5249342" y="1498481"/>
          <a:ext cx="1231403" cy="1231403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160" tIns="10160" rIns="10160" bIns="1016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00" kern="1200" dirty="0"/>
            <a:t>Predictive Analytics</a:t>
          </a:r>
        </a:p>
      </dsp:txBody>
      <dsp:txXfrm>
        <a:off x="5429677" y="1678816"/>
        <a:ext cx="870733" cy="870733"/>
      </dsp:txXfrm>
    </dsp:sp>
    <dsp:sp modelId="{BF9B53AB-5EE0-E74C-A643-9FC9FC312896}">
      <dsp:nvSpPr>
        <dsp:cNvPr id="0" name=""/>
        <dsp:cNvSpPr/>
      </dsp:nvSpPr>
      <dsp:spPr>
        <a:xfrm>
          <a:off x="4368204" y="574655"/>
          <a:ext cx="1231403" cy="1231403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160" tIns="10160" rIns="10160" bIns="1016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00" kern="1200" dirty="0"/>
            <a:t>Internal Sources</a:t>
          </a:r>
        </a:p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00" kern="1200" dirty="0"/>
            <a:t>(Claims/Patient History)</a:t>
          </a:r>
        </a:p>
      </dsp:txBody>
      <dsp:txXfrm>
        <a:off x="4548539" y="754990"/>
        <a:ext cx="870733" cy="870733"/>
      </dsp:txXfrm>
    </dsp:sp>
    <dsp:sp modelId="{3610E775-2CFF-4144-82BF-AEEE867CD5C5}">
      <dsp:nvSpPr>
        <dsp:cNvPr id="0" name=""/>
        <dsp:cNvSpPr/>
      </dsp:nvSpPr>
      <dsp:spPr>
        <a:xfrm>
          <a:off x="5626972" y="276929"/>
          <a:ext cx="1231403" cy="1231403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160" tIns="10160" rIns="10160" bIns="1016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00" kern="1200" dirty="0"/>
            <a:t>External Sources</a:t>
          </a:r>
        </a:p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00" kern="1200" dirty="0"/>
            <a:t>(social media)</a:t>
          </a:r>
        </a:p>
      </dsp:txBody>
      <dsp:txXfrm>
        <a:off x="5807307" y="457264"/>
        <a:ext cx="870733" cy="870733"/>
      </dsp:txXfrm>
    </dsp:sp>
    <dsp:sp modelId="{876C6299-4079-AF45-9149-8791C5EDBD79}">
      <dsp:nvSpPr>
        <dsp:cNvPr id="0" name=""/>
        <dsp:cNvSpPr/>
      </dsp:nvSpPr>
      <dsp:spPr>
        <a:xfrm>
          <a:off x="3729716" y="27364"/>
          <a:ext cx="4013429" cy="3064827"/>
        </a:xfrm>
        <a:prstGeom prst="funnel">
          <a:avLst/>
        </a:prstGeom>
        <a:solidFill>
          <a:schemeClr val="lt1">
            <a:alpha val="40000"/>
            <a:hueOff val="0"/>
            <a:satOff val="0"/>
            <a:lumOff val="0"/>
            <a:alphaOff val="0"/>
          </a:schemeClr>
        </a:solidFill>
        <a:ln w="635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FCA2F7F-84EB-40BD-A39A-77BC791A2CE1}">
      <dsp:nvSpPr>
        <dsp:cNvPr id="0" name=""/>
        <dsp:cNvSpPr/>
      </dsp:nvSpPr>
      <dsp:spPr>
        <a:xfrm rot="5400000">
          <a:off x="529273" y="-239"/>
          <a:ext cx="3120917" cy="3121397"/>
        </a:xfrm>
        <a:prstGeom prst="blockArc">
          <a:avLst>
            <a:gd name="adj1" fmla="val 13500000"/>
            <a:gd name="adj2" fmla="val 18900000"/>
            <a:gd name="adj3" fmla="val 496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6E76DC2C-B313-47D3-9577-DA8BD6D0B80B}">
      <dsp:nvSpPr>
        <dsp:cNvPr id="0" name=""/>
        <dsp:cNvSpPr/>
      </dsp:nvSpPr>
      <dsp:spPr>
        <a:xfrm rot="16200000">
          <a:off x="3741337" y="-239"/>
          <a:ext cx="3120917" cy="3121397"/>
        </a:xfrm>
        <a:prstGeom prst="blockArc">
          <a:avLst>
            <a:gd name="adj1" fmla="val 13500000"/>
            <a:gd name="adj2" fmla="val 18900000"/>
            <a:gd name="adj3" fmla="val 496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D02B17D-6F5C-43C7-A8F8-537547F1A91E}">
      <dsp:nvSpPr>
        <dsp:cNvPr id="0" name=""/>
        <dsp:cNvSpPr/>
      </dsp:nvSpPr>
      <dsp:spPr>
        <a:xfrm>
          <a:off x="4110376" y="2710999"/>
          <a:ext cx="2369617" cy="62438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0010" tIns="80010" rIns="80010" bIns="80010" numCol="1" spcCol="1270" anchor="ctr" anchorCtr="0">
          <a:noAutofit/>
        </a:bodyPr>
        <a:lstStyle/>
        <a:p>
          <a:pPr marL="0" lvl="0" indent="0" algn="ctr" defTabSz="9334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100" kern="1200" dirty="0"/>
            <a:t>Develop Model</a:t>
          </a:r>
        </a:p>
      </dsp:txBody>
      <dsp:txXfrm>
        <a:off x="4110376" y="2710999"/>
        <a:ext cx="2369617" cy="624383"/>
      </dsp:txXfrm>
    </dsp:sp>
    <dsp:sp modelId="{5E454DDA-083F-4FF1-AFC5-4CB0B0592B56}">
      <dsp:nvSpPr>
        <dsp:cNvPr id="0" name=""/>
        <dsp:cNvSpPr/>
      </dsp:nvSpPr>
      <dsp:spPr>
        <a:xfrm rot="5400000">
          <a:off x="3641226" y="-239"/>
          <a:ext cx="3120917" cy="3121397"/>
        </a:xfrm>
        <a:prstGeom prst="blockArc">
          <a:avLst>
            <a:gd name="adj1" fmla="val 13500000"/>
            <a:gd name="adj2" fmla="val 18900000"/>
            <a:gd name="adj3" fmla="val 496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00F393C-452E-468F-A069-E1042540D906}">
      <dsp:nvSpPr>
        <dsp:cNvPr id="0" name=""/>
        <dsp:cNvSpPr/>
      </dsp:nvSpPr>
      <dsp:spPr>
        <a:xfrm rot="16200000">
          <a:off x="6852346" y="-239"/>
          <a:ext cx="3120917" cy="3121397"/>
        </a:xfrm>
        <a:prstGeom prst="blockArc">
          <a:avLst>
            <a:gd name="adj1" fmla="val 13500000"/>
            <a:gd name="adj2" fmla="val 18900000"/>
            <a:gd name="adj3" fmla="val 496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49AB930-5595-41F3-9458-CA9E2C282202}">
      <dsp:nvSpPr>
        <dsp:cNvPr id="0" name=""/>
        <dsp:cNvSpPr/>
      </dsp:nvSpPr>
      <dsp:spPr>
        <a:xfrm>
          <a:off x="6993773" y="2710999"/>
          <a:ext cx="2369617" cy="62438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0010" tIns="80010" rIns="80010" bIns="80010" numCol="1" spcCol="1270" anchor="ctr" anchorCtr="0">
          <a:noAutofit/>
        </a:bodyPr>
        <a:lstStyle/>
        <a:p>
          <a:pPr marL="0" lvl="0" indent="0" algn="ctr" defTabSz="9334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100" kern="1200" dirty="0"/>
            <a:t>Predict Demand</a:t>
          </a:r>
        </a:p>
      </dsp:txBody>
      <dsp:txXfrm>
        <a:off x="6993773" y="2710999"/>
        <a:ext cx="2369617" cy="624383"/>
      </dsp:txXfrm>
    </dsp:sp>
    <dsp:sp modelId="{BC178781-179E-414A-8685-800F08FEA9DD}">
      <dsp:nvSpPr>
        <dsp:cNvPr id="0" name=""/>
        <dsp:cNvSpPr/>
      </dsp:nvSpPr>
      <dsp:spPr>
        <a:xfrm>
          <a:off x="4034235" y="895524"/>
          <a:ext cx="1429930" cy="1429930"/>
        </a:xfrm>
        <a:prstGeom prst="ellipse">
          <a:avLst/>
        </a:prstGeom>
        <a:solidFill>
          <a:schemeClr val="accent1">
            <a:alpha val="5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900" kern="1200" dirty="0"/>
            <a:t>Linear Regression</a:t>
          </a:r>
        </a:p>
      </dsp:txBody>
      <dsp:txXfrm>
        <a:off x="4233910" y="1064143"/>
        <a:ext cx="824464" cy="1092691"/>
      </dsp:txXfrm>
    </dsp:sp>
    <dsp:sp modelId="{FDF4CD61-9F0F-4A69-92C5-9D90A093B3A1}">
      <dsp:nvSpPr>
        <dsp:cNvPr id="0" name=""/>
        <dsp:cNvSpPr/>
      </dsp:nvSpPr>
      <dsp:spPr>
        <a:xfrm>
          <a:off x="5064815" y="895524"/>
          <a:ext cx="1429930" cy="1429930"/>
        </a:xfrm>
        <a:prstGeom prst="ellipse">
          <a:avLst/>
        </a:prstGeom>
        <a:solidFill>
          <a:schemeClr val="accent1">
            <a:alpha val="5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900" kern="1200" dirty="0"/>
            <a:t>Multiplication factors</a:t>
          </a:r>
        </a:p>
      </dsp:txBody>
      <dsp:txXfrm>
        <a:off x="5470606" y="1064143"/>
        <a:ext cx="824464" cy="1092691"/>
      </dsp:txXfrm>
    </dsp:sp>
    <dsp:sp modelId="{A6E42C5D-689B-43E1-B5E3-67A95AE59E94}">
      <dsp:nvSpPr>
        <dsp:cNvPr id="0" name=""/>
        <dsp:cNvSpPr/>
      </dsp:nvSpPr>
      <dsp:spPr>
        <a:xfrm>
          <a:off x="1429253" y="473774"/>
          <a:ext cx="988890" cy="988913"/>
        </a:xfrm>
        <a:prstGeom prst="ellipse">
          <a:avLst/>
        </a:prstGeom>
        <a:solidFill>
          <a:schemeClr val="accent1">
            <a:alpha val="5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  <dsp:txBody>
        <a:bodyPr spcFirstLastPara="0" vert="horz" wrap="square" lIns="26670" tIns="26670" rIns="26670" bIns="26670" numCol="1" spcCol="1270" anchor="ctr" anchorCtr="0">
          <a:noAutofit/>
        </a:bodyPr>
        <a:lstStyle/>
        <a:p>
          <a:pPr marL="0" lvl="0" indent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700" kern="1200" dirty="0"/>
            <a:t>Demographic</a:t>
          </a:r>
        </a:p>
      </dsp:txBody>
      <dsp:txXfrm>
        <a:off x="1574073" y="618597"/>
        <a:ext cx="699250" cy="699267"/>
      </dsp:txXfrm>
    </dsp:sp>
    <dsp:sp modelId="{38467C0C-BBBE-4EAA-A7EC-7BF57ED878D1}">
      <dsp:nvSpPr>
        <dsp:cNvPr id="0" name=""/>
        <dsp:cNvSpPr/>
      </dsp:nvSpPr>
      <dsp:spPr>
        <a:xfrm>
          <a:off x="1064534" y="1300550"/>
          <a:ext cx="485750" cy="485556"/>
        </a:xfrm>
        <a:prstGeom prst="ellipse">
          <a:avLst/>
        </a:prstGeom>
        <a:solidFill>
          <a:schemeClr val="accent1">
            <a:alpha val="5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</dsp:sp>
    <dsp:sp modelId="{F71EDFAD-3CE5-41A1-B657-AD6A0D704580}">
      <dsp:nvSpPr>
        <dsp:cNvPr id="0" name=""/>
        <dsp:cNvSpPr/>
      </dsp:nvSpPr>
      <dsp:spPr>
        <a:xfrm>
          <a:off x="2499295" y="668297"/>
          <a:ext cx="282639" cy="282454"/>
        </a:xfrm>
        <a:prstGeom prst="ellipse">
          <a:avLst/>
        </a:prstGeom>
        <a:solidFill>
          <a:schemeClr val="accent1">
            <a:alpha val="5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</dsp:sp>
    <dsp:sp modelId="{38DF298E-56A6-4FD9-8F0D-ACB5F427A1EE}">
      <dsp:nvSpPr>
        <dsp:cNvPr id="0" name=""/>
        <dsp:cNvSpPr/>
      </dsp:nvSpPr>
      <dsp:spPr>
        <a:xfrm>
          <a:off x="2394261" y="1064420"/>
          <a:ext cx="988890" cy="988913"/>
        </a:xfrm>
        <a:prstGeom prst="ellipse">
          <a:avLst/>
        </a:prstGeom>
        <a:solidFill>
          <a:schemeClr val="accent1">
            <a:alpha val="5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  <dsp:txBody>
        <a:bodyPr spcFirstLastPara="0" vert="horz" wrap="square" lIns="26670" tIns="26670" rIns="26670" bIns="26670" numCol="1" spcCol="1270" anchor="ctr" anchorCtr="0">
          <a:noAutofit/>
        </a:bodyPr>
        <a:lstStyle/>
        <a:p>
          <a:pPr marL="0" lvl="0" indent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700" kern="1200" dirty="0"/>
            <a:t>Prescriptions</a:t>
          </a:r>
        </a:p>
      </dsp:txBody>
      <dsp:txXfrm>
        <a:off x="2539081" y="1209243"/>
        <a:ext cx="699250" cy="699267"/>
      </dsp:txXfrm>
    </dsp:sp>
    <dsp:sp modelId="{9EC51601-0C34-4DF2-9A17-32F0303EC0D8}">
      <dsp:nvSpPr>
        <dsp:cNvPr id="0" name=""/>
        <dsp:cNvSpPr/>
      </dsp:nvSpPr>
      <dsp:spPr>
        <a:xfrm>
          <a:off x="2497672" y="2113814"/>
          <a:ext cx="282639" cy="282454"/>
        </a:xfrm>
        <a:prstGeom prst="ellipse">
          <a:avLst/>
        </a:prstGeom>
        <a:solidFill>
          <a:schemeClr val="accent1">
            <a:alpha val="5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</dsp:sp>
    <dsp:sp modelId="{3C25722E-F34D-4A11-9814-44CA42179FC7}">
      <dsp:nvSpPr>
        <dsp:cNvPr id="0" name=""/>
        <dsp:cNvSpPr/>
      </dsp:nvSpPr>
      <dsp:spPr>
        <a:xfrm>
          <a:off x="1446874" y="1629544"/>
          <a:ext cx="988890" cy="988913"/>
        </a:xfrm>
        <a:prstGeom prst="ellipse">
          <a:avLst/>
        </a:prstGeom>
        <a:solidFill>
          <a:schemeClr val="accent1">
            <a:alpha val="5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tx1"/>
        </a:fontRef>
      </dsp:style>
      <dsp:txBody>
        <a:bodyPr spcFirstLastPara="0" vert="horz" wrap="square" lIns="26670" tIns="26670" rIns="26670" bIns="26670" numCol="1" spcCol="1270" anchor="ctr" anchorCtr="0">
          <a:noAutofit/>
        </a:bodyPr>
        <a:lstStyle/>
        <a:p>
          <a:pPr marL="0" lvl="0" indent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700" kern="1200" dirty="0"/>
            <a:t>Disease</a:t>
          </a:r>
        </a:p>
      </dsp:txBody>
      <dsp:txXfrm>
        <a:off x="1591694" y="1774367"/>
        <a:ext cx="699250" cy="699267"/>
      </dsp:txXfrm>
    </dsp:sp>
    <dsp:sp modelId="{2D17E593-C9BB-4638-A578-4B608D7D4746}">
      <dsp:nvSpPr>
        <dsp:cNvPr id="0" name=""/>
        <dsp:cNvSpPr/>
      </dsp:nvSpPr>
      <dsp:spPr>
        <a:xfrm>
          <a:off x="7262940" y="645063"/>
          <a:ext cx="1822782" cy="1822453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Adjusted Prediction</a:t>
          </a:r>
        </a:p>
      </dsp:txBody>
      <dsp:txXfrm>
        <a:off x="7529880" y="911955"/>
        <a:ext cx="1288902" cy="1288669"/>
      </dsp:txXfrm>
    </dsp:sp>
    <dsp:sp modelId="{72E14BEE-8F9A-4D99-8EB9-F33961939FA0}">
      <dsp:nvSpPr>
        <dsp:cNvPr id="0" name=""/>
        <dsp:cNvSpPr/>
      </dsp:nvSpPr>
      <dsp:spPr>
        <a:xfrm>
          <a:off x="1115534" y="2710999"/>
          <a:ext cx="2369617" cy="62438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0010" tIns="80010" rIns="80010" bIns="80010" numCol="1" spcCol="1270" anchor="ctr" anchorCtr="0">
          <a:noAutofit/>
        </a:bodyPr>
        <a:lstStyle/>
        <a:p>
          <a:pPr marL="0" lvl="0" indent="0" algn="ctr" defTabSz="9334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100" kern="1200" dirty="0"/>
            <a:t>Collect Data</a:t>
          </a:r>
        </a:p>
      </dsp:txBody>
      <dsp:txXfrm>
        <a:off x="1115534" y="2710999"/>
        <a:ext cx="2369617" cy="62438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funnel1">
  <dgm:title val=""/>
  <dgm:desc val=""/>
  <dgm:catLst>
    <dgm:cat type="relationship" pri="2000"/>
    <dgm:cat type="process" pri="2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chMax val="4"/>
      <dgm:resizeHandles val="exact"/>
    </dgm:varLst>
    <dgm:alg type="composite">
      <dgm:param type="ar" val="1.25"/>
    </dgm:alg>
    <dgm:shape xmlns:r="http://schemas.openxmlformats.org/officeDocument/2006/relationships" r:blip="">
      <dgm:adjLst/>
    </dgm:shape>
    <dgm:presOf/>
    <dgm:choose name="Name1">
      <dgm:if name="Name2" axis="ch" ptType="node" func="cnt" op="equ" val="2">
        <dgm:constrLst>
          <dgm:constr type="w" for="ch" forName="ellipse" refType="w" fact="0.645"/>
          <dgm:constr type="h" for="ch" forName="ellipse" refType="h" fact="0.28"/>
          <dgm:constr type="t" for="ch" forName="ellipse" refType="w" fact="0.0275"/>
          <dgm:constr type="l" for="ch" forName="ellipse" refType="w" fact="0.0265"/>
          <dgm:constr type="w" for="ch" forName="arrow1" refType="w" fact="0.125"/>
          <dgm:constr type="h" for="ch" forName="arrow1" refType="h" fact="0.1"/>
          <dgm:constr type="t" for="ch" forName="arrow1" refType="h" fact="0.72"/>
          <dgm:constr type="l" for="ch" forName="arrow1" refType="w" fact="0.2875"/>
          <dgm:constr type="w" for="ch" forName="rectangle" refType="w" fact="0.6"/>
          <dgm:constr type="h" for="ch" forName="rectangle" refType="w" refFor="ch" refForName="rectangle" fact="0.25"/>
          <dgm:constr type="t" for="ch" forName="rectangle" refType="h" fact="0.8"/>
          <dgm:constr type="l" for="ch" forName="rectangle" refType="w" fact="0.05"/>
          <dgm:constr type="w" for="ch" forName="item1" refType="w" fact="0.35"/>
          <dgm:constr type="h" for="ch" forName="item1" refType="w" fact="0.35"/>
          <dgm:constr type="t" for="ch" forName="item1" refType="h" fact="0.05"/>
          <dgm:constr type="l" for="ch" forName="item1" refType="w" fact="0.125"/>
          <dgm:constr type="primFontSz" for="ch" forName="item1" op="equ" val="65"/>
          <dgm:constr type="w" for="ch" forName="funnel" refType="w" fact="0.7"/>
          <dgm:constr type="h" for="ch" forName="funnel" refType="h" fact="0.7"/>
          <dgm:constr type="t" for="ch" forName="funnel"/>
          <dgm:constr type="l" for="ch" forName="funnel"/>
        </dgm:constrLst>
      </dgm:if>
      <dgm:else name="Name3">
        <dgm:constrLst>
          <dgm:constr type="w" for="ch" forName="ellipse" refType="w" fact="0.645"/>
          <dgm:constr type="h" for="ch" forName="ellipse" refType="h" fact="0.28"/>
          <dgm:constr type="t" for="ch" forName="ellipse" refType="w" fact="0.0275"/>
          <dgm:constr type="l" for="ch" forName="ellipse" refType="w" fact="0.0265"/>
          <dgm:constr type="w" for="ch" forName="arrow1" refType="w" fact="0.125"/>
          <dgm:constr type="h" for="ch" forName="arrow1" refType="h" fact="0.1"/>
          <dgm:constr type="t" for="ch" forName="arrow1" refType="h" fact="0.72"/>
          <dgm:constr type="l" for="ch" forName="arrow1" refType="w" fact="0.2875"/>
          <dgm:constr type="w" for="ch" forName="rectangle" refType="w" fact="0.6"/>
          <dgm:constr type="h" for="ch" forName="rectangle" refType="w" refFor="ch" refForName="rectangle" fact="0.25"/>
          <dgm:constr type="t" for="ch" forName="rectangle" refType="h" fact="0.8"/>
          <dgm:constr type="l" for="ch" forName="rectangle" refType="w" fact="0.05"/>
          <dgm:constr type="primFontSz" for="ch" forName="rectangle" val="65"/>
          <dgm:constr type="w" for="ch" forName="item1" refType="w" fact="0.225"/>
          <dgm:constr type="h" for="ch" forName="item1" refType="w" fact="0.225"/>
          <dgm:constr type="t" for="ch" forName="item1" refType="h" fact="0.336"/>
          <dgm:constr type="l" for="ch" forName="item1" refType="w" fact="0.261"/>
          <dgm:constr type="primFontSz" for="ch" forName="item1" val="65"/>
          <dgm:constr type="w" for="ch" forName="item2" refType="w" fact="0.225"/>
          <dgm:constr type="h" for="ch" forName="item2" refType="w" fact="0.225"/>
          <dgm:constr type="t" for="ch" forName="item2" refType="h" fact="0.125"/>
          <dgm:constr type="l" for="ch" forName="item2" refType="w" fact="0.1"/>
          <dgm:constr type="primFontSz" for="ch" forName="item2" refType="primFontSz" refFor="ch" refForName="item1" op="equ"/>
          <dgm:constr type="w" for="ch" forName="item3" refType="w" fact="0.225"/>
          <dgm:constr type="h" for="ch" forName="item3" refType="w" fact="0.225"/>
          <dgm:constr type="t" for="ch" forName="item3" refType="h" fact="0.057"/>
          <dgm:constr type="l" for="ch" forName="item3" refType="w" fact="0.33"/>
          <dgm:constr type="primFontSz" for="ch" forName="item3" refType="primFontSz" refFor="ch" refForName="item1" op="equ"/>
          <dgm:constr type="w" for="ch" forName="funnel" refType="w" fact="0.7"/>
          <dgm:constr type="h" for="ch" forName="funnel" refType="h" fact="0.7"/>
          <dgm:constr type="t" for="ch" forName="funnel"/>
          <dgm:constr type="l" for="ch" forName="funnel"/>
        </dgm:constrLst>
      </dgm:else>
    </dgm:choose>
    <dgm:ruleLst/>
    <dgm:choose name="Name4">
      <dgm:if name="Name5" axis="ch" ptType="node" func="cnt" op="gte" val="1">
        <dgm:layoutNode name="ellipse" styleLbl="trBgShp">
          <dgm:alg type="sp"/>
          <dgm:shape xmlns:r="http://schemas.openxmlformats.org/officeDocument/2006/relationships" type="ellipse" r:blip="">
            <dgm:adjLst/>
          </dgm:shape>
          <dgm:presOf/>
          <dgm:constrLst/>
          <dgm:ruleLst/>
        </dgm:layoutNode>
        <dgm:layoutNode name="arrow1" styleLbl="fgShp">
          <dgm:alg type="sp"/>
          <dgm:shape xmlns:r="http://schemas.openxmlformats.org/officeDocument/2006/relationships" type="downArrow" r:blip="">
            <dgm:adjLst/>
          </dgm:shape>
          <dgm:presOf/>
          <dgm:constrLst/>
          <dgm:ruleLst/>
        </dgm:layoutNode>
        <dgm:layoutNode name="rectangle" styleLbl="revTx">
          <dgm:varLst>
            <dgm:bulletEnabled val="1"/>
          </dgm:varLst>
          <dgm:alg type="tx">
            <dgm:param type="txAnchorHorzCh" val="ctr"/>
          </dgm:alg>
          <dgm:shape xmlns:r="http://schemas.openxmlformats.org/officeDocument/2006/relationships" type="rect" r:blip="">
            <dgm:adjLst/>
          </dgm:shape>
          <dgm:choose name="Name6">
            <dgm:if name="Name7" axis="ch" ptType="node" func="cnt" op="equ" val="1">
              <dgm:presOf axis="ch desOrSelf" ptType="node node" st="1 1" cnt="1 0"/>
            </dgm:if>
            <dgm:if name="Name8" axis="ch" ptType="node" func="cnt" op="equ" val="2">
              <dgm:presOf axis="ch desOrSelf" ptType="node node" st="2 1" cnt="1 0"/>
            </dgm:if>
            <dgm:if name="Name9" axis="ch" ptType="node" func="cnt" op="equ" val="3">
              <dgm:presOf axis="ch desOrSelf" ptType="node node" st="3 1" cnt="1 0"/>
            </dgm:if>
            <dgm:else name="Name10">
              <dgm:presOf axis="ch desOrSelf" ptType="node node" st="4 1" cnt="1 0"/>
            </dgm:else>
          </dgm:choose>
          <dgm:constrLst/>
          <dgm:ruleLst>
            <dgm:rule type="primFontSz" val="5" fact="NaN" max="NaN"/>
          </dgm:ruleLst>
        </dgm:layoutNode>
        <dgm:forEach name="Name11" axis="ch" ptType="node" st="2" cnt="1">
          <dgm:layoutNode name="item1" styleLbl="node1">
            <dgm:varLst>
              <dgm:bulletEnabled val="1"/>
            </dgm:varLst>
            <dgm:alg type="tx">
              <dgm:param type="txAnchorVertCh" val="mid"/>
            </dgm:alg>
            <dgm:shape xmlns:r="http://schemas.openxmlformats.org/officeDocument/2006/relationships" type="ellipse" r:blip="">
              <dgm:adjLst/>
            </dgm:shape>
            <dgm:choose name="Name12">
              <dgm:if name="Name13" axis="root ch" ptType="all node" func="cnt" op="equ" val="1">
                <dgm:presOf/>
              </dgm:if>
              <dgm:if name="Name14" axis="root ch" ptType="all node" func="cnt" op="equ" val="2">
                <dgm:presOf axis="root ch desOrSelf" ptType="all node node" st="1 1 1" cnt="0 1 0"/>
              </dgm:if>
              <dgm:if name="Name15" axis="root ch" ptType="all node" func="cnt" op="equ" val="3">
                <dgm:presOf axis="root ch desOrSelf" ptType="all node node" st="1 2 1" cnt="0 1 0"/>
              </dgm:if>
              <dgm:else name="Name16">
                <dgm:presOf axis="root ch desOrSelf" ptType="all node node" st="1 3 1" cnt="0 1 0"/>
              </dgm:else>
            </dgm:choose>
            <dgm:constrLst>
              <dgm:constr type="tMarg" refType="primFontSz" fact="0.1"/>
              <dgm:constr type="bMarg" refType="primFontSz" fact="0.1"/>
              <dgm:constr type="lMarg" refType="primFontSz" fact="0.1"/>
              <dgm:constr type="rMarg" refType="primFontSz" fact="0.1"/>
            </dgm:constrLst>
            <dgm:ruleLst>
              <dgm:rule type="primFontSz" val="5" fact="NaN" max="NaN"/>
            </dgm:ruleLst>
          </dgm:layoutNode>
        </dgm:forEach>
        <dgm:forEach name="Name17" axis="ch" ptType="node" st="3" cnt="1">
          <dgm:layoutNode name="item2" styleLbl="node1">
            <dgm:varLst>
              <dgm:bulletEnabled val="1"/>
            </dgm:varLst>
            <dgm:alg type="tx">
              <dgm:param type="txAnchorVertCh" val="mid"/>
            </dgm:alg>
            <dgm:shape xmlns:r="http://schemas.openxmlformats.org/officeDocument/2006/relationships" type="ellipse" r:blip="">
              <dgm:adjLst/>
            </dgm:shape>
            <dgm:choose name="Name18">
              <dgm:if name="Name19" axis="root ch" ptType="all node" func="cnt" op="equ" val="1">
                <dgm:presOf/>
              </dgm:if>
              <dgm:if name="Name20" axis="root ch" ptType="all node" func="cnt" op="equ" val="2">
                <dgm:presOf/>
              </dgm:if>
              <dgm:if name="Name21" axis="root ch" ptType="all node" func="cnt" op="equ" val="3">
                <dgm:presOf axis="root ch desOrSelf" ptType="all node node" st="1 1 1" cnt="0 1 0"/>
              </dgm:if>
              <dgm:else name="Name22">
                <dgm:presOf axis="root ch desOrSelf" ptType="all node node" st="1 2 1" cnt="0 1 0"/>
              </dgm:else>
            </dgm:choose>
            <dgm:constrLst>
              <dgm:constr type="tMarg" refType="primFontSz" fact="0.1"/>
              <dgm:constr type="bMarg" refType="primFontSz" fact="0.1"/>
              <dgm:constr type="lMarg" refType="primFontSz" fact="0.1"/>
              <dgm:constr type="rMarg" refType="primFontSz" fact="0.1"/>
            </dgm:constrLst>
            <dgm:ruleLst>
              <dgm:rule type="primFontSz" val="5" fact="NaN" max="NaN"/>
            </dgm:ruleLst>
          </dgm:layoutNode>
        </dgm:forEach>
        <dgm:forEach name="Name23" axis="ch" ptType="node" st="4" cnt="1">
          <dgm:layoutNode name="item3" styleLbl="node1">
            <dgm:varLst>
              <dgm:bulletEnabled val="1"/>
            </dgm:varLst>
            <dgm:alg type="tx">
              <dgm:param type="txAnchorVertCh" val="mid"/>
            </dgm:alg>
            <dgm:shape xmlns:r="http://schemas.openxmlformats.org/officeDocument/2006/relationships" type="ellipse" r:blip="">
              <dgm:adjLst/>
            </dgm:shape>
            <dgm:choose name="Name24">
              <dgm:if name="Name25" axis="root ch" ptType="all node" func="cnt" op="equ" val="1">
                <dgm:presOf/>
              </dgm:if>
              <dgm:if name="Name26" axis="root ch" ptType="all node" func="cnt" op="equ" val="2">
                <dgm:presOf/>
              </dgm:if>
              <dgm:if name="Name27" axis="root ch" ptType="all node" func="cnt" op="equ" val="3">
                <dgm:presOf/>
              </dgm:if>
              <dgm:else name="Name28">
                <dgm:presOf axis="root ch desOrSelf" ptType="all node node" st="1 1 1" cnt="0 1 0"/>
              </dgm:else>
            </dgm:choose>
            <dgm:constrLst>
              <dgm:constr type="tMarg" refType="primFontSz" fact="0.1"/>
              <dgm:constr type="bMarg" refType="primFontSz" fact="0.1"/>
              <dgm:constr type="lMarg" refType="primFontSz" fact="0.1"/>
              <dgm:constr type="rMarg" refType="primFontSz" fact="0.1"/>
            </dgm:constrLst>
            <dgm:ruleLst>
              <dgm:rule type="primFontSz" val="5" fact="NaN" max="NaN"/>
            </dgm:ruleLst>
          </dgm:layoutNode>
        </dgm:forEach>
        <dgm:layoutNode name="funnel" styleLbl="trAlignAcc1">
          <dgm:alg type="sp"/>
          <dgm:shape xmlns:r="http://schemas.openxmlformats.org/officeDocument/2006/relationships" type="funnel" r:blip="">
            <dgm:adjLst/>
          </dgm:shape>
          <dgm:presOf/>
          <dgm:constrLst/>
          <dgm:ruleLst/>
        </dgm:layoutNode>
      </dgm:if>
      <dgm:else name="Name29"/>
    </dgm:choos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9/3/layout/PhasedProcess">
  <dgm:title val=""/>
  <dgm:desc val=""/>
  <dgm:catLst>
    <dgm:cat type="process" pri="12500"/>
  </dgm:catLst>
  <dgm:sampData>
    <dgm:dataModel>
      <dgm:ptLst>
        <dgm:pt modelId="0" type="doc"/>
        <dgm:pt modelId="10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  <dgm:pt modelId="20">
          <dgm:prSet phldr="1"/>
        </dgm:pt>
        <dgm:pt modelId="21">
          <dgm:prSet phldr="1"/>
        </dgm:pt>
        <dgm:pt modelId="22">
          <dgm:prSet phldr="1"/>
        </dgm:pt>
        <dgm:pt modelId="30">
          <dgm:prSet phldr="1"/>
        </dgm:pt>
        <dgm:pt modelId="31">
          <dgm:prSet phldr="1"/>
        </dgm:pt>
      </dgm:ptLst>
      <dgm:cxnLst>
        <dgm:cxn modelId="40" srcId="0" destId="10" srcOrd="0" destOrd="0"/>
        <dgm:cxn modelId="16" srcId="10" destId="11" srcOrd="0" destOrd="0"/>
        <dgm:cxn modelId="17" srcId="10" destId="12" srcOrd="1" destOrd="0"/>
        <dgm:cxn modelId="18" srcId="10" destId="13" srcOrd="2" destOrd="0"/>
        <dgm:cxn modelId="50" srcId="0" destId="20" srcOrd="1" destOrd="0"/>
        <dgm:cxn modelId="60" srcId="0" destId="30" srcOrd="2" destOrd="0"/>
        <dgm:cxn modelId="32" srcId="30" destId="31" srcOrd="0" destOrd="0"/>
        <dgm:cxn modelId="26" srcId="20" destId="21" srcOrd="0" destOrd="0"/>
        <dgm:cxn modelId="27" srcId="20" destId="22" srcOrd="1" destOrd="0"/>
      </dgm:cxnLst>
      <dgm:bg/>
      <dgm:whole/>
    </dgm:dataModel>
  </dgm:sampData>
  <dgm:styleData>
    <dgm:dataModel>
      <dgm:ptLst>
        <dgm:pt modelId="0" type="doc"/>
        <dgm:pt modelId="10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  <dgm:pt modelId="20">
          <dgm:prSet phldr="1"/>
        </dgm:pt>
        <dgm:pt modelId="21">
          <dgm:prSet phldr="1"/>
        </dgm:pt>
        <dgm:pt modelId="22">
          <dgm:prSet phldr="1"/>
        </dgm:pt>
        <dgm:pt modelId="30">
          <dgm:prSet phldr="1"/>
        </dgm:pt>
        <dgm:pt modelId="31">
          <dgm:prSet phldr="1"/>
        </dgm:pt>
      </dgm:ptLst>
      <dgm:cxnLst>
        <dgm:cxn modelId="40" srcId="0" destId="10" srcOrd="0" destOrd="0"/>
        <dgm:cxn modelId="16" srcId="10" destId="11" srcOrd="0" destOrd="0"/>
        <dgm:cxn modelId="17" srcId="10" destId="12" srcOrd="1" destOrd="0"/>
        <dgm:cxn modelId="18" srcId="10" destId="13" srcOrd="2" destOrd="0"/>
        <dgm:cxn modelId="50" srcId="0" destId="20" srcOrd="1" destOrd="0"/>
        <dgm:cxn modelId="60" srcId="0" destId="30" srcOrd="2" destOrd="0"/>
        <dgm:cxn modelId="32" srcId="30" destId="31" srcOrd="0" destOrd="0"/>
        <dgm:cxn modelId="26" srcId="20" destId="21" srcOrd="0" destOrd="0"/>
        <dgm:cxn modelId="27" srcId="20" destId="22" srcOrd="1" destOrd="0"/>
      </dgm:cxnLst>
      <dgm:bg/>
      <dgm:whole/>
    </dgm:dataModel>
  </dgm:styleData>
  <dgm:clrData>
    <dgm:dataModel>
      <dgm:ptLst>
        <dgm:pt modelId="0" type="doc"/>
        <dgm:pt modelId="10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  <dgm:pt modelId="20">
          <dgm:prSet phldr="1"/>
        </dgm:pt>
        <dgm:pt modelId="21">
          <dgm:prSet phldr="1"/>
        </dgm:pt>
        <dgm:pt modelId="22">
          <dgm:prSet phldr="1"/>
        </dgm:pt>
        <dgm:pt modelId="30">
          <dgm:prSet phldr="1"/>
        </dgm:pt>
        <dgm:pt modelId="31">
          <dgm:prSet phldr="1"/>
        </dgm:pt>
      </dgm:ptLst>
      <dgm:cxnLst>
        <dgm:cxn modelId="40" srcId="0" destId="10" srcOrd="0" destOrd="0"/>
        <dgm:cxn modelId="16" srcId="10" destId="11" srcOrd="0" destOrd="0"/>
        <dgm:cxn modelId="17" srcId="10" destId="12" srcOrd="1" destOrd="0"/>
        <dgm:cxn modelId="18" srcId="10" destId="13" srcOrd="2" destOrd="0"/>
        <dgm:cxn modelId="50" srcId="0" destId="20" srcOrd="1" destOrd="0"/>
        <dgm:cxn modelId="60" srcId="0" destId="30" srcOrd="2" destOrd="0"/>
        <dgm:cxn modelId="32" srcId="30" destId="31" srcOrd="0" destOrd="0"/>
        <dgm:cxn modelId="26" srcId="20" destId="21" srcOrd="0" destOrd="0"/>
        <dgm:cxn modelId="27" srcId="20" destId="22" srcOrd="1" destOrd="0"/>
      </dgm:cxnLst>
      <dgm:bg/>
      <dgm:whole/>
    </dgm:dataModel>
  </dgm:clrData>
  <dgm:layoutNode name="Name0">
    <dgm:varLst>
      <dgm:chMax val="3"/>
      <dgm:chPref val="3"/>
      <dgm:bulletEnabled val="1"/>
      <dgm:dir/>
      <dgm:animLvl val="lvl"/>
    </dgm:varLst>
    <dgm:shape xmlns:r="http://schemas.openxmlformats.org/officeDocument/2006/relationships" r:blip="">
      <dgm:adjLst/>
    </dgm:shape>
    <dgm:choose name="Name1">
      <dgm:if name="Name2" axis="ch" ptType="node" func="cnt" op="gte" val="3">
        <dgm:alg type="composite">
          <dgm:param type="ar" val="2.8316"/>
        </dgm:alg>
        <dgm:choose name="Name3">
          <dgm:if name="Name4" func="var" arg="dir" op="equ" val="norm">
            <dgm:constrLst>
              <dgm:constr type="primFontSz" for="des" forName="parentText1" val="65"/>
              <dgm:constr type="primFontSz" for="des" forName="childText1_1" val="65"/>
              <dgm:constr type="primFontSz" for="des" forName="circ1Tx" val="65"/>
              <dgm:constr type="primFontSz" for="des" forName="parentText2" refType="primFontSz" refFor="des" refForName="parentText1" op="equ"/>
              <dgm:constr type="primFontSz" for="des" forName="parentText3" refType="primFontSz" refFor="des" refForName="parentText1" op="equ"/>
              <dgm:constr type="primFontSz" for="des" forName="childText1_1" refType="primFontSz" refFor="des" refForName="parentText1" op="lte"/>
              <dgm:constr type="primFontSz" for="des" forName="childText1_2" refType="primFontSz" refFor="des" refForName="parentText1" op="lte"/>
              <dgm:constr type="primFontSz" for="des" forName="childText1_3" refType="primFontSz" refFor="des" refForName="parentText1" op="lte"/>
              <dgm:constr type="primFontSz" for="des" forName="childText1_4" refType="primFontSz" refFor="des" refForName="parentText1" op="lte"/>
              <dgm:constr type="primFontSz" for="des" forName="childText1_1" refType="primFontSz" refFor="des" refForName="parentText2" op="lte"/>
              <dgm:constr type="primFontSz" for="des" forName="childText1_2" refType="primFontSz" refFor="des" refForName="parentText2" op="lte"/>
              <dgm:constr type="primFontSz" for="des" forName="childText1_3" refType="primFontSz" refFor="des" refForName="parentText2" op="lte"/>
              <dgm:constr type="primFontSz" for="des" forName="childText1_4" refType="primFontSz" refFor="des" refForName="parentText2" op="lte"/>
              <dgm:constr type="primFontSz" for="des" forName="childText1_1" refType="primFontSz" refFor="des" refForName="parentText3" op="lte"/>
              <dgm:constr type="primFontSz" for="des" forName="childText1_2" refType="primFontSz" refFor="des" refForName="parentText3" op="lte"/>
              <dgm:constr type="primFontSz" for="des" forName="childText1_3" refType="primFontSz" refFor="des" refForName="parentText3" op="lte"/>
              <dgm:constr type="primFontSz" for="des" forName="childText1_4" refType="primFontSz" refFor="des" refForName="parentText3" op="lte"/>
              <dgm:constr type="primFontSz" for="des" forName="circ1Tx" refType="primFontSz" refFor="des" refForName="parentText1" op="lte"/>
              <dgm:constr type="primFontSz" for="des" forName="circ2Tx" refType="primFontSz" refFor="des" refForName="parentText1" op="lte"/>
              <dgm:constr type="primFontSz" for="des" forName="circ3Tx" refType="primFontSz" refFor="des" refForName="parentText1" op="lte"/>
              <dgm:constr type="primFontSz" for="des" forName="circ4Tx" refType="primFontSz" refFor="des" refForName="parentText1" op="lte"/>
              <dgm:constr type="primFontSz" for="des" forName="circ1Tx" refType="primFontSz" refFor="des" refForName="parentText2" op="lte"/>
              <dgm:constr type="primFontSz" for="des" forName="circ2Tx" refType="primFontSz" refFor="des" refForName="parentText2" op="lte"/>
              <dgm:constr type="primFontSz" for="des" forName="circ3Tx" refType="primFontSz" refFor="des" refForName="parentText2" op="lte"/>
              <dgm:constr type="primFontSz" for="des" forName="circ4Tx" refType="primFontSz" refFor="des" refForName="parentText2" op="lte"/>
              <dgm:constr type="primFontSz" for="des" forName="circ1Tx" refType="primFontSz" refFor="des" refForName="parentText3" op="lte"/>
              <dgm:constr type="primFontSz" for="des" forName="circ2Tx" refType="primFontSz" refFor="des" refForName="parentText3" op="lte"/>
              <dgm:constr type="primFontSz" for="des" forName="circ3Tx" refType="primFontSz" refFor="des" refForName="parentText3" op="lte"/>
              <dgm:constr type="primFontSz" for="des" forName="circ4Tx" refType="primFontSz" refFor="des" refForName="parentText3" op="lte"/>
              <dgm:constr type="primFontSz" for="des" forName="rightChild" refType="primFontSz" refFor="des" refForName="parentText1" op="lte"/>
              <dgm:constr type="primFontSz" for="des" forName="rightChild" refType="primFontSz" refFor="des" refForName="parentText2" op="lte"/>
              <dgm:constr type="primFontSz" for="des" forName="rightChild" refType="primFontSz" refFor="des" refForName="parentText3" op="lte"/>
              <dgm:constr type="primFontSz" for="des" forName="childText1_2" refType="primFontSz" refFor="des" refForName="childText1_1" op="equ"/>
              <dgm:constr type="primFontSz" for="des" forName="childText1_3" refType="primFontSz" refFor="des" refForName="childText1_1" op="equ"/>
              <dgm:constr type="primFontSz" for="des" forName="childText1_4" refType="primFontSz" refFor="des" refForName="childText1_1" op="equ"/>
              <dgm:constr type="primFontSz" for="des" forName="circ2Tx" refType="primFontSz" refFor="des" refForName="circ1Tx" op="equ"/>
              <dgm:constr type="primFontSz" for="des" forName="circ3Tx" refType="primFontSz" refFor="des" refForName="circ1Tx" op="equ"/>
              <dgm:constr type="primFontSz" for="des" forName="circ4Tx" refType="primFontSz" refFor="des" refForName="circ1Tx" op="equ"/>
              <dgm:constr type="l" for="ch" forName="leftComposite" refType="w" fact="0.0567"/>
              <dgm:constr type="t" for="ch" forName="leftComposite" refType="h" fact="0.1159"/>
              <dgm:constr type="w" for="ch" forName="leftComposite" refType="w" fact="0.2455"/>
              <dgm:constr type="h" for="ch" forName="leftComposite" refType="h" fact="0.6953"/>
              <dgm:constr type="l" for="ch" forName="middleComposite" refType="w" fact="0.365"/>
              <dgm:constr type="t" for="ch" forName="middleComposite" refType="h" fact="0.1545"/>
              <dgm:constr type="w" for="ch" forName="middleComposite" refType="w" fact="0.2728"/>
              <dgm:constr type="h" for="ch" forName="middleComposite" refType="h" fact="0.6567"/>
              <dgm:constr type="l" for="ch" forName="arc1" refType="w" fact="0"/>
              <dgm:constr type="t" for="ch" forName="arc1" refType="h" fact="0"/>
              <dgm:constr type="w" for="ch" forName="arc1" refType="w" fact="0.3305"/>
              <dgm:constr type="h" for="ch" forName="arc1" refType="h" fact="0.9357"/>
              <dgm:constr type="l" for="ch" forName="arc2" refType="w" fact="0.3295"/>
              <dgm:constr type="t" for="ch" forName="arc2" refType="h" fact="0"/>
              <dgm:constr type="w" for="ch" forName="arc2" refType="w" fact="0.3305"/>
              <dgm:constr type="h" for="ch" forName="arc2" refType="h" fact="0.9357"/>
              <dgm:constr type="l" for="ch" forName="arc3" refType="w" fact="0.3401"/>
              <dgm:constr type="t" for="ch" forName="arc3" refType="h" fact="0"/>
              <dgm:constr type="w" for="ch" forName="arc3" refType="w" fact="0.3305"/>
              <dgm:constr type="h" for="ch" forName="arc3" refType="h" fact="0.9357"/>
              <dgm:constr type="l" for="ch" forName="arc4" refType="w" fact="0.6695"/>
              <dgm:constr type="t" for="ch" forName="arc4" refType="h" fact="0"/>
              <dgm:constr type="w" for="ch" forName="arc4" refType="w" fact="0.3305"/>
              <dgm:constr type="h" for="ch" forName="arc4" refType="h" fact="0.9357"/>
              <dgm:constr type="l" for="ch" forName="rightChild" refType="w" fact="0.713"/>
              <dgm:constr type="t" for="ch" forName="rightChild" refType="h" fact="0.1934"/>
              <dgm:constr type="w" for="ch" forName="rightChild" refType="w" fact="0.193"/>
              <dgm:constr type="h" for="ch" forName="rightChild" refType="h" fact="0.5464"/>
              <dgm:constr type="l" for="ch" forName="parentText1" refType="w" fact="0.0621"/>
              <dgm:constr type="t" for="ch" forName="parentText1" refType="h" fact="0.8128"/>
              <dgm:constr type="w" for="ch" forName="parentText1" refType="w" fact="0.2509"/>
              <dgm:constr type="h" for="ch" forName="parentText1" refType="h" fact="0.1872"/>
              <dgm:constr type="l" for="ch" forName="parentText2" refType="w" fact="0.3792"/>
              <dgm:constr type="t" for="ch" forName="parentText2" refType="h" fact="0.8128"/>
              <dgm:constr type="w" for="ch" forName="parentText2" refType="w" fact="0.2509"/>
              <dgm:constr type="h" for="ch" forName="parentText2" refType="h" fact="0.1872"/>
              <dgm:constr type="l" for="ch" forName="parentText3" refType="w" fact="0.6845"/>
              <dgm:constr type="t" for="ch" forName="parentText3" refType="h" fact="0.8128"/>
              <dgm:constr type="w" for="ch" forName="parentText3" refType="w" fact="0.2509"/>
              <dgm:constr type="h" for="ch" forName="parentText3" refType="h" fact="0.1872"/>
            </dgm:constrLst>
          </dgm:if>
          <dgm:else name="Name5">
            <dgm:constrLst>
              <dgm:constr type="primFontSz" for="des" forName="parentText1" val="65"/>
              <dgm:constr type="primFontSz" for="des" forName="childText1_1" val="65"/>
              <dgm:constr type="primFontSz" for="des" forName="circ1Tx" val="65"/>
              <dgm:constr type="primFontSz" for="des" forName="parentText2" refType="primFontSz" refFor="des" refForName="parentText1" op="equ"/>
              <dgm:constr type="primFontSz" for="des" forName="parentText3" refType="primFontSz" refFor="des" refForName="parentText1" op="equ"/>
              <dgm:constr type="primFontSz" for="des" forName="childText1_1" refType="primFontSz" refFor="des" refForName="parentText1" op="lte"/>
              <dgm:constr type="primFontSz" for="des" forName="childText1_2" refType="primFontSz" refFor="des" refForName="parentText1" op="lte"/>
              <dgm:constr type="primFontSz" for="des" forName="childText1_3" refType="primFontSz" refFor="des" refForName="parentText1" op="lte"/>
              <dgm:constr type="primFontSz" for="des" forName="childText1_4" refType="primFontSz" refFor="des" refForName="parentText1" op="lte"/>
              <dgm:constr type="primFontSz" for="des" forName="childText1_1" refType="primFontSz" refFor="des" refForName="parentText2" op="lte"/>
              <dgm:constr type="primFontSz" for="des" forName="childText1_2" refType="primFontSz" refFor="des" refForName="parentText2" op="lte"/>
              <dgm:constr type="primFontSz" for="des" forName="childText1_3" refType="primFontSz" refFor="des" refForName="parentText2" op="lte"/>
              <dgm:constr type="primFontSz" for="des" forName="childText1_4" refType="primFontSz" refFor="des" refForName="parentText2" op="lte"/>
              <dgm:constr type="primFontSz" for="des" forName="childText1_1" refType="primFontSz" refFor="des" refForName="parentText3" op="lte"/>
              <dgm:constr type="primFontSz" for="des" forName="childText1_2" refType="primFontSz" refFor="des" refForName="parentText3" op="lte"/>
              <dgm:constr type="primFontSz" for="des" forName="childText1_3" refType="primFontSz" refFor="des" refForName="parentText3" op="lte"/>
              <dgm:constr type="primFontSz" for="des" forName="childText1_4" refType="primFontSz" refFor="des" refForName="parentText3" op="lte"/>
              <dgm:constr type="primFontSz" for="des" forName="circ1Tx" refType="primFontSz" refFor="des" refForName="parentText1" op="lte"/>
              <dgm:constr type="primFontSz" for="des" forName="circ2Tx" refType="primFontSz" refFor="des" refForName="parentText1" op="lte"/>
              <dgm:constr type="primFontSz" for="des" forName="circ3Tx" refType="primFontSz" refFor="des" refForName="parentText1" op="lte"/>
              <dgm:constr type="primFontSz" for="des" forName="circ4Tx" refType="primFontSz" refFor="des" refForName="parentText1" op="lte"/>
              <dgm:constr type="primFontSz" for="des" forName="circ1Tx" refType="primFontSz" refFor="des" refForName="parentText2" op="lte"/>
              <dgm:constr type="primFontSz" for="des" forName="circ2Tx" refType="primFontSz" refFor="des" refForName="parentText2" op="lte"/>
              <dgm:constr type="primFontSz" for="des" forName="circ3Tx" refType="primFontSz" refFor="des" refForName="parentText2" op="lte"/>
              <dgm:constr type="primFontSz" for="des" forName="circ4Tx" refType="primFontSz" refFor="des" refForName="parentText2" op="lte"/>
              <dgm:constr type="primFontSz" for="des" forName="circ1Tx" refType="primFontSz" refFor="des" refForName="parentText3" op="lte"/>
              <dgm:constr type="primFontSz" for="des" forName="circ2Tx" refType="primFontSz" refFor="des" refForName="parentText3" op="lte"/>
              <dgm:constr type="primFontSz" for="des" forName="circ3Tx" refType="primFontSz" refFor="des" refForName="parentText3" op="lte"/>
              <dgm:constr type="primFontSz" for="des" forName="circ4Tx" refType="primFontSz" refFor="des" refForName="parentText3" op="lte"/>
              <dgm:constr type="primFontSz" for="des" forName="rightChild" refType="primFontSz" refFor="des" refForName="parentText1" op="lte"/>
              <dgm:constr type="primFontSz" for="des" forName="rightChild" refType="primFontSz" refFor="des" refForName="parentText2" op="lte"/>
              <dgm:constr type="primFontSz" for="des" forName="rightChild" refType="primFontSz" refFor="des" refForName="parentText3" op="lte"/>
              <dgm:constr type="primFontSz" for="des" forName="childText1_2" refType="primFontSz" refFor="des" refForName="childText1_1" op="equ"/>
              <dgm:constr type="primFontSz" for="des" forName="childText1_3" refType="primFontSz" refFor="des" refForName="childText1_1" op="equ"/>
              <dgm:constr type="primFontSz" for="des" forName="childText1_4" refType="primFontSz" refFor="des" refForName="childText1_1" op="equ"/>
              <dgm:constr type="primFontSz" for="des" forName="circ2Tx" refType="primFontSz" refFor="des" refForName="circ1Tx" op="equ"/>
              <dgm:constr type="primFontSz" for="des" forName="circ3Tx" refType="primFontSz" refFor="des" refForName="circ1Tx" op="equ"/>
              <dgm:constr type="primFontSz" for="des" forName="circ4Tx" refType="primFontSz" refFor="des" refForName="circ1Tx" op="equ"/>
              <dgm:constr type="l" for="ch" forName="leftComposite" refType="w" fact="0.72"/>
              <dgm:constr type="t" for="ch" forName="leftComposite" refType="h" fact="0.1159"/>
              <dgm:constr type="w" for="ch" forName="leftComposite" refType="w" fact="0.2455"/>
              <dgm:constr type="h" for="ch" forName="leftComposite" refType="h" fact="0.6953"/>
              <dgm:constr type="l" for="ch" forName="middleComposite" refType="w" fact="0.365"/>
              <dgm:constr type="t" for="ch" forName="middleComposite" refType="h" fact="0.1545"/>
              <dgm:constr type="w" for="ch" forName="middleComposite" refType="w" fact="0.2728"/>
              <dgm:constr type="h" for="ch" forName="middleComposite" refType="h" fact="0.6567"/>
              <dgm:constr type="l" for="ch" forName="rightChild" refType="w" fact="0.09"/>
              <dgm:constr type="t" for="ch" forName="rightChild" refType="h" fact="0.1934"/>
              <dgm:constr type="w" for="ch" forName="rightChild" refType="w" fact="0.193"/>
              <dgm:constr type="h" for="ch" forName="rightChild" refType="h" fact="0.5464"/>
              <dgm:constr type="l" for="ch" forName="arc1" refType="w" fact="0"/>
              <dgm:constr type="t" for="ch" forName="arc1" refType="h" fact="0"/>
              <dgm:constr type="w" for="ch" forName="arc1" refType="w" fact="0.3305"/>
              <dgm:constr type="h" for="ch" forName="arc1" refType="h" fact="0.9357"/>
              <dgm:constr type="l" for="ch" forName="arc2" refType="w" fact="0.3295"/>
              <dgm:constr type="t" for="ch" forName="arc2" refType="h" fact="0"/>
              <dgm:constr type="w" for="ch" forName="arc2" refType="w" fact="0.3305"/>
              <dgm:constr type="h" for="ch" forName="arc2" refType="h" fact="0.9357"/>
              <dgm:constr type="l" for="ch" forName="arc3" refType="w" fact="0.3401"/>
              <dgm:constr type="t" for="ch" forName="arc3" refType="h" fact="0"/>
              <dgm:constr type="w" for="ch" forName="arc3" refType="w" fact="0.3305"/>
              <dgm:constr type="h" for="ch" forName="arc3" refType="h" fact="0.9357"/>
              <dgm:constr type="l" for="ch" forName="arc4" refType="w" fact="0.6695"/>
              <dgm:constr type="t" for="ch" forName="arc4" refType="h" fact="0"/>
              <dgm:constr type="w" for="ch" forName="arc4" refType="w" fact="0.3305"/>
              <dgm:constr type="h" for="ch" forName="arc4" refType="h" fact="0.9357"/>
              <dgm:constr type="l" for="ch" forName="parentText1" refType="w" fact="0.7"/>
              <dgm:constr type="t" for="ch" forName="parentText1" refType="h" fact="0.8128"/>
              <dgm:constr type="w" for="ch" forName="parentText1" refType="w" fact="0.2509"/>
              <dgm:constr type="h" for="ch" forName="parentText1" refType="h" fact="0.1872"/>
              <dgm:constr type="l" for="ch" forName="parentText2" refType="w" fact="0.3792"/>
              <dgm:constr type="t" for="ch" forName="parentText2" refType="h" fact="0.8128"/>
              <dgm:constr type="w" for="ch" forName="parentText2" refType="w" fact="0.2509"/>
              <dgm:constr type="h" for="ch" forName="parentText2" refType="h" fact="0.1872"/>
              <dgm:constr type="l" for="ch" forName="parentText3" refType="w" fact="0.062"/>
              <dgm:constr type="t" for="ch" forName="parentText3" refType="h" fact="0.8128"/>
              <dgm:constr type="w" for="ch" forName="parentText3" refType="w" fact="0.2509"/>
              <dgm:constr type="h" for="ch" forName="parentText3" refType="h" fact="0.1872"/>
            </dgm:constrLst>
          </dgm:else>
        </dgm:choose>
      </dgm:if>
      <dgm:if name="Name6" axis="ch" ptType="node" func="cnt" op="gte" val="2">
        <dgm:alg type="composite">
          <dgm:param type="ar" val="1.8986"/>
        </dgm:alg>
        <dgm:choose name="Name7">
          <dgm:if name="Name8" func="var" arg="dir" op="equ" val="norm">
            <dgm:constrLst>
              <dgm:constr type="primFontSz" for="des" forName="parentText1" val="65"/>
              <dgm:constr type="primFontSz" for="des" forName="childText1_1" val="65"/>
              <dgm:constr type="primFontSz" for="des" forName="circ1Tx" val="65"/>
              <dgm:constr type="primFontSz" for="des" forName="parentText2" refType="primFontSz" refFor="des" refForName="parentText1" op="equ"/>
              <dgm:constr type="primFontSz" for="des" forName="childText1_1" refType="primFontSz" refFor="des" refForName="parentText1" op="lte"/>
              <dgm:constr type="primFontSz" for="des" forName="childText1_2" refType="primFontSz" refFor="des" refForName="parentText1" op="lte"/>
              <dgm:constr type="primFontSz" for="des" forName="childText1_3" refType="primFontSz" refFor="des" refForName="parentText1" op="lte"/>
              <dgm:constr type="primFontSz" for="des" forName="childText1_4" refType="primFontSz" refFor="des" refForName="parentText1" op="lte"/>
              <dgm:constr type="primFontSz" for="des" forName="childText1_1" refType="primFontSz" refFor="des" refForName="parentText2" op="lte"/>
              <dgm:constr type="primFontSz" for="des" forName="childText1_2" refType="primFontSz" refFor="des" refForName="parentText2" op="lte"/>
              <dgm:constr type="primFontSz" for="des" forName="childText1_3" refType="primFontSz" refFor="des" refForName="parentText2" op="lte"/>
              <dgm:constr type="primFontSz" for="des" forName="childText1_4" refType="primFontSz" refFor="des" refForName="parentText2" op="lte"/>
              <dgm:constr type="primFontSz" for="des" forName="childText1_1" refType="primFontSz" refFor="des" refForName="parentText3" op="lte"/>
              <dgm:constr type="primFontSz" for="des" forName="childText1_2" refType="primFontSz" refFor="des" refForName="parentText3" op="lte"/>
              <dgm:constr type="primFontSz" for="des" forName="childText1_3" refType="primFontSz" refFor="des" refForName="parentText3" op="lte"/>
              <dgm:constr type="primFontSz" for="des" forName="childText1_4" refType="primFontSz" refFor="des" refForName="parentText3" op="lte"/>
              <dgm:constr type="primFontSz" for="des" forName="circ1Tx" refType="primFontSz" refFor="des" refForName="parentText1" op="lte"/>
              <dgm:constr type="primFontSz" for="des" forName="circ2Tx" refType="primFontSz" refFor="des" refForName="parentText1" op="lte"/>
              <dgm:constr type="primFontSz" for="des" forName="circ3Tx" refType="primFontSz" refFor="des" refForName="parentText1" op="lte"/>
              <dgm:constr type="primFontSz" for="des" forName="circ4Tx" refType="primFontSz" refFor="des" refForName="parentText1" op="lte"/>
              <dgm:constr type="primFontSz" for="des" forName="circ1Tx" refType="primFontSz" refFor="des" refForName="parentText2" op="lte"/>
              <dgm:constr type="primFontSz" for="des" forName="circ2Tx" refType="primFontSz" refFor="des" refForName="parentText2" op="lte"/>
              <dgm:constr type="primFontSz" for="des" forName="circ3Tx" refType="primFontSz" refFor="des" refForName="parentText2" op="lte"/>
              <dgm:constr type="primFontSz" for="des" forName="circ4Tx" refType="primFontSz" refFor="des" refForName="parentText2" op="lte"/>
              <dgm:constr type="primFontSz" for="des" forName="circ1Tx" refType="primFontSz" refFor="des" refForName="parentText3" op="lte"/>
              <dgm:constr type="primFontSz" for="des" forName="circ2Tx" refType="primFontSz" refFor="des" refForName="parentText3" op="lte"/>
              <dgm:constr type="primFontSz" for="des" forName="circ3Tx" refType="primFontSz" refFor="des" refForName="parentText3" op="lte"/>
              <dgm:constr type="primFontSz" for="des" forName="circ4Tx" refType="primFontSz" refFor="des" refForName="parentText3" op="lte"/>
              <dgm:constr type="primFontSz" for="des" forName="childText1_2" refType="primFontSz" refFor="des" refForName="childText1_1" op="equ"/>
              <dgm:constr type="primFontSz" for="des" forName="childText1_3" refType="primFontSz" refFor="des" refForName="childText1_1" op="equ"/>
              <dgm:constr type="primFontSz" for="des" forName="childText1_4" refType="primFontSz" refFor="des" refForName="childText1_1" op="equ"/>
              <dgm:constr type="primFontSz" for="des" forName="circ2Tx" refType="primFontSz" refFor="des" refForName="circ1Tx" op="equ"/>
              <dgm:constr type="primFontSz" for="des" forName="circ3Tx" refType="primFontSz" refFor="des" refForName="circ1Tx" op="equ"/>
              <dgm:constr type="primFontSz" for="des" forName="circ4Tx" refType="primFontSz" refFor="des" refForName="circ1Tx" op="equ"/>
              <dgm:constr type="l" for="ch" forName="leftComposite" refType="w" fact="0.0941"/>
              <dgm:constr type="t" for="ch" forName="leftComposite" refType="h" fact="0.1159"/>
              <dgm:constr type="w" for="ch" forName="leftComposite" refType="w" fact="0.3469"/>
              <dgm:constr type="h" for="ch" forName="leftComposite" refType="h" fact="0.6953"/>
              <dgm:constr type="l" for="ch" forName="middleComposite" refType="w" fact="0.5782"/>
              <dgm:constr type="t" for="ch" forName="middleComposite" refType="h" fact="0.1159"/>
              <dgm:constr type="w" for="ch" forName="middleComposite" refType="w" fact="0.3389"/>
              <dgm:constr type="h" for="ch" forName="middleComposite" refType="h" fact="0.6567"/>
              <dgm:constr type="l" for="ch" forName="arc1" refType="w" fact="0"/>
              <dgm:constr type="t" for="ch" forName="arc1" refType="h" fact="0"/>
              <dgm:constr type="w" for="ch" forName="arc1" refType="w" fact="0.4928"/>
              <dgm:constr type="h" for="ch" forName="arc1" refType="h" fact="0.9357"/>
              <dgm:constr type="l" for="ch" forName="arc3" refType="w" fact="0.5072"/>
              <dgm:constr type="t" for="ch" forName="arc3" refType="h" fact="0"/>
              <dgm:constr type="w" for="ch" forName="arc3" refType="w" fact="0.4928"/>
              <dgm:constr type="h" for="ch" forName="arc3" refType="h" fact="0.9357"/>
              <dgm:constr type="l" for="ch" forName="parentText1" refType="w" fact="0.0926"/>
              <dgm:constr type="t" for="ch" forName="parentText1" refType="h" fact="0.8128"/>
              <dgm:constr type="w" for="ch" forName="parentText1" refType="w" fact="0.3742"/>
              <dgm:constr type="h" for="ch" forName="parentText1" refType="h" fact="0.1872"/>
              <dgm:constr type="l" for="ch" forName="parentText2" refType="w" fact="0.5655"/>
              <dgm:constr type="t" for="ch" forName="parentText2" refType="h" fact="0.8128"/>
              <dgm:constr type="w" for="ch" forName="parentText2" refType="w" fact="0.3742"/>
              <dgm:constr type="h" for="ch" forName="parentText2" refType="h" fact="0.1872"/>
            </dgm:constrLst>
          </dgm:if>
          <dgm:else name="Name9">
            <dgm:constrLst>
              <dgm:constr type="primFontSz" for="des" forName="parentText1" val="65"/>
              <dgm:constr type="primFontSz" for="des" forName="childText1_1" val="65"/>
              <dgm:constr type="primFontSz" for="des" forName="circ1Tx" val="65"/>
              <dgm:constr type="primFontSz" for="des" forName="parentText2" refType="primFontSz" refFor="des" refForName="parentText1" op="equ"/>
              <dgm:constr type="primFontSz" for="des" forName="childText1_1" refType="primFontSz" refFor="des" refForName="parentText1" op="lte"/>
              <dgm:constr type="primFontSz" for="des" forName="childText1_2" refType="primFontSz" refFor="des" refForName="parentText1" op="lte"/>
              <dgm:constr type="primFontSz" for="des" forName="childText1_3" refType="primFontSz" refFor="des" refForName="parentText1" op="lte"/>
              <dgm:constr type="primFontSz" for="des" forName="childText1_4" refType="primFontSz" refFor="des" refForName="parentText1" op="lte"/>
              <dgm:constr type="primFontSz" for="des" forName="childText1_1" refType="primFontSz" refFor="des" refForName="parentText2" op="lte"/>
              <dgm:constr type="primFontSz" for="des" forName="childText1_2" refType="primFontSz" refFor="des" refForName="parentText2" op="lte"/>
              <dgm:constr type="primFontSz" for="des" forName="childText1_3" refType="primFontSz" refFor="des" refForName="parentText2" op="lte"/>
              <dgm:constr type="primFontSz" for="des" forName="childText1_4" refType="primFontSz" refFor="des" refForName="parentText2" op="lte"/>
              <dgm:constr type="primFontSz" for="des" forName="childText1_1" refType="primFontSz" refFor="des" refForName="parentText3" op="lte"/>
              <dgm:constr type="primFontSz" for="des" forName="childText1_2" refType="primFontSz" refFor="des" refForName="parentText3" op="lte"/>
              <dgm:constr type="primFontSz" for="des" forName="childText1_3" refType="primFontSz" refFor="des" refForName="parentText3" op="lte"/>
              <dgm:constr type="primFontSz" for="des" forName="childText1_4" refType="primFontSz" refFor="des" refForName="parentText3" op="lte"/>
              <dgm:constr type="primFontSz" for="des" forName="circ1Tx" refType="primFontSz" refFor="des" refForName="parentText1" op="lte"/>
              <dgm:constr type="primFontSz" for="des" forName="circ2Tx" refType="primFontSz" refFor="des" refForName="parentText1" op="lte"/>
              <dgm:constr type="primFontSz" for="des" forName="circ3Tx" refType="primFontSz" refFor="des" refForName="parentText1" op="lte"/>
              <dgm:constr type="primFontSz" for="des" forName="circ4Tx" refType="primFontSz" refFor="des" refForName="parentText1" op="lte"/>
              <dgm:constr type="primFontSz" for="des" forName="circ1Tx" refType="primFontSz" refFor="des" refForName="parentText2" op="lte"/>
              <dgm:constr type="primFontSz" for="des" forName="circ2Tx" refType="primFontSz" refFor="des" refForName="parentText2" op="lte"/>
              <dgm:constr type="primFontSz" for="des" forName="circ3Tx" refType="primFontSz" refFor="des" refForName="parentText2" op="lte"/>
              <dgm:constr type="primFontSz" for="des" forName="circ4Tx" refType="primFontSz" refFor="des" refForName="parentText2" op="lte"/>
              <dgm:constr type="primFontSz" for="des" forName="circ1Tx" refType="primFontSz" refFor="des" refForName="parentText3" op="lte"/>
              <dgm:constr type="primFontSz" for="des" forName="circ2Tx" refType="primFontSz" refFor="des" refForName="parentText3" op="lte"/>
              <dgm:constr type="primFontSz" for="des" forName="circ3Tx" refType="primFontSz" refFor="des" refForName="parentText3" op="lte"/>
              <dgm:constr type="primFontSz" for="des" forName="circ4Tx" refType="primFontSz" refFor="des" refForName="parentText3" op="lte"/>
              <dgm:constr type="primFontSz" for="des" forName="childText1_2" refType="primFontSz" refFor="des" refForName="childText1_1" op="equ"/>
              <dgm:constr type="primFontSz" for="des" forName="childText1_3" refType="primFontSz" refFor="des" refForName="childText1_1" op="equ"/>
              <dgm:constr type="primFontSz" for="des" forName="childText1_4" refType="primFontSz" refFor="des" refForName="childText1_1" op="equ"/>
              <dgm:constr type="primFontSz" for="des" forName="circ2Tx" refType="primFontSz" refFor="des" refForName="circ1Tx" op="equ"/>
              <dgm:constr type="primFontSz" for="des" forName="circ3Tx" refType="primFontSz" refFor="des" refForName="circ1Tx" op="equ"/>
              <dgm:constr type="primFontSz" for="des" forName="circ4Tx" refType="primFontSz" refFor="des" refForName="circ1Tx" op="equ"/>
              <dgm:constr type="l" for="ch" forName="leftComposite" refType="w" fact="0.592"/>
              <dgm:constr type="t" for="ch" forName="leftComposite" refType="h" fact="0.1159"/>
              <dgm:constr type="w" for="ch" forName="leftComposite" refType="w" fact="0.3469"/>
              <dgm:constr type="h" for="ch" forName="leftComposite" refType="h" fact="0.6953"/>
              <dgm:constr type="l" for="ch" forName="middleComposite" refType="w" fact="0.0941"/>
              <dgm:constr type="t" for="ch" forName="middleComposite" refType="h" fact="0.1159"/>
              <dgm:constr type="w" for="ch" forName="middleComposite" refType="w" fact="0.3389"/>
              <dgm:constr type="h" for="ch" forName="middleComposite" refType="h" fact="0.6567"/>
              <dgm:constr type="l" for="ch" forName="arc1" refType="w" fact="0"/>
              <dgm:constr type="t" for="ch" forName="arc1" refType="h" fact="0"/>
              <dgm:constr type="w" for="ch" forName="arc1" refType="w" fact="0.4928"/>
              <dgm:constr type="h" for="ch" forName="arc1" refType="h" fact="0.9357"/>
              <dgm:constr type="l" for="ch" forName="arc3" refType="w" fact="0.5072"/>
              <dgm:constr type="t" for="ch" forName="arc3" refType="h" fact="0"/>
              <dgm:constr type="w" for="ch" forName="arc3" refType="w" fact="0.4928"/>
              <dgm:constr type="h" for="ch" forName="arc3" refType="h" fact="0.9357"/>
              <dgm:constr type="l" for="ch" forName="parentText2" refType="w" fact="0.0926"/>
              <dgm:constr type="t" for="ch" forName="parentText2" refType="h" fact="0.8128"/>
              <dgm:constr type="w" for="ch" forName="parentText2" refType="w" fact="0.3742"/>
              <dgm:constr type="h" for="ch" forName="parentText2" refType="h" fact="0.1872"/>
              <dgm:constr type="l" for="ch" forName="parentText1" refType="w" fact="0.5655"/>
              <dgm:constr type="t" for="ch" forName="parentText1" refType="h" fact="0.8128"/>
              <dgm:constr type="w" for="ch" forName="parentText1" refType="w" fact="0.3742"/>
              <dgm:constr type="h" for="ch" forName="parentText1" refType="h" fact="0.1872"/>
            </dgm:constrLst>
          </dgm:else>
        </dgm:choose>
      </dgm:if>
      <dgm:else name="Name10">
        <dgm:alg type="composite">
          <dgm:param type="ar" val="0.8036"/>
        </dgm:alg>
        <dgm:constrLst>
          <dgm:constr type="primFontSz" for="des" forName="parentText1" val="65"/>
          <dgm:constr type="primFontSz" for="des" forName="childText1_1" val="65"/>
          <dgm:constr type="primFontSz" for="des" forName="childText1_1" refType="primFontSz" refFor="des" refForName="parentText1" op="lte"/>
          <dgm:constr type="primFontSz" for="des" forName="childText1_2" refType="primFontSz" refFor="des" refForName="parentText1" op="lte"/>
          <dgm:constr type="primFontSz" for="des" forName="childText1_3" refType="primFontSz" refFor="des" refForName="parentText1" op="lte"/>
          <dgm:constr type="primFontSz" for="des" forName="childText1_4" refType="primFontSz" refFor="des" refForName="parentText1" op="lte"/>
          <dgm:constr type="primFontSz" for="des" forName="childText1_1" refType="primFontSz" refFor="des" refForName="parentText2" op="lte"/>
          <dgm:constr type="primFontSz" for="des" forName="childText1_2" refType="primFontSz" refFor="des" refForName="parentText2" op="lte"/>
          <dgm:constr type="primFontSz" for="des" forName="childText1_3" refType="primFontSz" refFor="des" refForName="parentText2" op="lte"/>
          <dgm:constr type="primFontSz" for="des" forName="childText1_4" refType="primFontSz" refFor="des" refForName="parentText2" op="lte"/>
          <dgm:constr type="primFontSz" for="des" forName="childText1_1" refType="primFontSz" refFor="des" refForName="parentText3" op="lte"/>
          <dgm:constr type="primFontSz" for="des" forName="childText1_2" refType="primFontSz" refFor="des" refForName="parentText3" op="lte"/>
          <dgm:constr type="primFontSz" for="des" forName="childText1_3" refType="primFontSz" refFor="des" refForName="parentText3" op="lte"/>
          <dgm:constr type="primFontSz" for="des" forName="childText1_4" refType="primFontSz" refFor="des" refForName="parentText3" op="lte"/>
          <dgm:constr type="primFontSz" for="des" forName="childText1_2" refType="primFontSz" refFor="des" refForName="childText1_1" op="equ"/>
          <dgm:constr type="primFontSz" for="des" forName="childText1_3" refType="primFontSz" refFor="des" refForName="childText1_1" op="equ"/>
          <dgm:constr type="primFontSz" for="des" forName="childText1_4" refType="primFontSz" refFor="des" refForName="childText1_1" op="equ"/>
          <dgm:constr type="l" for="ch" forName="leftComposite" refType="w" fact="0"/>
          <dgm:constr type="t" for="ch" forName="leftComposite" refType="h" fact="0.1159"/>
          <dgm:constr type="w" for="ch" forName="leftComposite" refType="w"/>
          <dgm:constr type="h" for="ch" forName="leftComposite" refType="h" fact="0.6953"/>
          <dgm:constr type="l" for="ch" forName="parentText1" refType="w" fact="0"/>
          <dgm:constr type="t" for="ch" forName="parentText1" refType="h" fact="0.8128"/>
          <dgm:constr type="w" for="ch" forName="parentText1" refType="w"/>
          <dgm:constr type="h" for="ch" forName="parentText1" refType="h" fact="0.1872"/>
        </dgm:constrLst>
      </dgm:else>
    </dgm:choose>
    <dgm:choose name="Name11">
      <dgm:if name="Name12" axis="ch" ptType="node" func="cnt" op="gte" val="1">
        <dgm:choose name="Name13">
          <dgm:if name="Name14" axis="ch" ptType="node" func="cnt" op="gte" val="2">
            <dgm:layoutNode name="arc1">
              <dgm:alg type="sp"/>
              <dgm:shape xmlns:r="http://schemas.openxmlformats.org/officeDocument/2006/relationships" rot="90" type="blockArc" r:blip="">
                <dgm:adjLst>
                  <dgm:adj idx="1" val="-135"/>
                  <dgm:adj idx="2" val="-45"/>
                  <dgm:adj idx="3" val="0.0496"/>
                </dgm:adjLst>
              </dgm:shape>
              <dgm:presOf/>
            </dgm:layoutNode>
            <dgm:layoutNode name="arc3">
              <dgm:alg type="sp"/>
              <dgm:shape xmlns:r="http://schemas.openxmlformats.org/officeDocument/2006/relationships" rot="270" type="blockArc" r:blip="">
                <dgm:adjLst>
                  <dgm:adj idx="1" val="-135"/>
                  <dgm:adj idx="2" val="-45"/>
                  <dgm:adj idx="3" val="0.0496"/>
                </dgm:adjLst>
              </dgm:shape>
              <dgm:presOf/>
            </dgm:layoutNode>
            <dgm:layoutNode name="parentText2" styleLbl="revTx">
              <dgm:varLst>
                <dgm:chMax val="4"/>
                <dgm:chPref val="3"/>
                <dgm:bulletEnabled val="1"/>
              </dgm:varLst>
              <dgm:alg type="tx"/>
              <dgm:shape xmlns:r="http://schemas.openxmlformats.org/officeDocument/2006/relationships" type="rect" r:blip="">
                <dgm:adjLst/>
              </dgm:shape>
              <dgm:presOf axis="ch self" ptType="node node" st="2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</dgm:if>
          <dgm:else name="Name15"/>
        </dgm:choose>
        <dgm:choose name="Name16">
          <dgm:if name="Name17" axis="ch" ptType="node" func="cnt" op="gte" val="3">
            <dgm:layoutNode name="arc2">
              <dgm:alg type="sp"/>
              <dgm:shape xmlns:r="http://schemas.openxmlformats.org/officeDocument/2006/relationships" rot="90" type="blockArc" r:blip="">
                <dgm:adjLst>
                  <dgm:adj idx="1" val="-135"/>
                  <dgm:adj idx="2" val="-45"/>
                  <dgm:adj idx="3" val="0.0496"/>
                </dgm:adjLst>
              </dgm:shape>
              <dgm:presOf/>
            </dgm:layoutNode>
            <dgm:layoutNode name="arc4">
              <dgm:alg type="sp"/>
              <dgm:shape xmlns:r="http://schemas.openxmlformats.org/officeDocument/2006/relationships" rot="270" type="blockArc" r:blip="">
                <dgm:adjLst>
                  <dgm:adj idx="1" val="-135"/>
                  <dgm:adj idx="2" val="-45"/>
                  <dgm:adj idx="3" val="0.0496"/>
                </dgm:adjLst>
              </dgm:shape>
              <dgm:presOf/>
            </dgm:layoutNode>
            <dgm:layoutNode name="parentText3" styleLbl="revTx">
              <dgm:varLst>
                <dgm:chMax val="1"/>
                <dgm:chPref val="1"/>
                <dgm:bulletEnabled val="1"/>
              </dgm:varLst>
              <dgm:alg type="tx"/>
              <dgm:shape xmlns:r="http://schemas.openxmlformats.org/officeDocument/2006/relationships" type="rect" r:blip="">
                <dgm:adjLst/>
              </dgm:shape>
              <dgm:presOf axis="ch self" ptType="node node" st="3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</dgm:if>
          <dgm:else name="Name18"/>
        </dgm:choose>
      </dgm:if>
      <dgm:else name="Name19"/>
    </dgm:choose>
    <dgm:layoutNode name="middleComposite">
      <dgm:choose name="Name20">
        <dgm:if name="Name21" axis="ch ch" ptType="node node" st="2 1" cnt="1 0" func="cnt" op="lte" val="1">
          <dgm:alg type="composite">
            <dgm:param type="ar" val="1"/>
          </dgm:alg>
        </dgm:if>
        <dgm:if name="Name22" axis="ch ch" ptType="node node" st="2 1" cnt="1 0" func="cnt" op="equ" val="2">
          <dgm:alg type="composite">
            <dgm:param type="ar" val="1.792"/>
          </dgm:alg>
        </dgm:if>
        <dgm:if name="Name23" axis="ch ch" ptType="node node" st="2 1" cnt="1 0" func="cnt" op="equ" val="3">
          <dgm:alg type="composite">
            <dgm:param type="ar" val="1"/>
          </dgm:alg>
        </dgm:if>
        <dgm:else name="Name24">
          <dgm:alg type="composite">
            <dgm:param type="ar" val="1"/>
          </dgm:alg>
        </dgm:else>
      </dgm:choose>
      <dgm:shape xmlns:r="http://schemas.openxmlformats.org/officeDocument/2006/relationships" r:blip="">
        <dgm:adjLst/>
      </dgm:shape>
      <dgm:presOf/>
      <dgm:choose name="Name25">
        <dgm:if name="Name26" axis="ch ch" ptType="node node" st="2 1" cnt="1 0" func="cnt" op="lte" val="1">
          <dgm:constrLst>
            <dgm:constr type="ctrX" for="ch" forName="circ1" refType="w" fact="0.5"/>
            <dgm:constr type="ctrY" for="ch" forName="circ1" refType="h" fact="0.5"/>
            <dgm:constr type="w" for="ch" forName="circ1" refType="w"/>
            <dgm:constr type="h" for="ch" forName="circ1" refType="h"/>
            <dgm:constr type="l" for="ch" forName="circ1Tx" refType="w" fact="0.2"/>
            <dgm:constr type="t" for="ch" forName="circ1Tx" refType="h" fact="0.1"/>
            <dgm:constr type="w" for="ch" forName="circ1Tx" refType="w" fact="0.6"/>
            <dgm:constr type="h" for="ch" forName="circ1Tx" refType="h" fact="0.8"/>
          </dgm:constrLst>
        </dgm:if>
        <dgm:if name="Name27" axis="ch ch" ptType="node node" st="2 1" cnt="1 0" func="cnt" op="equ" val="2">
          <dgm:constrLst>
            <dgm:constr type="ctrX" for="ch" forName="circ1" refType="w" fact="0.3"/>
            <dgm:constr type="ctrY" for="ch" forName="circ1" refType="h" fact="0.5"/>
            <dgm:constr type="w" for="ch" forName="circ1" refType="w" fact="0.555"/>
            <dgm:constr type="h" for="ch" forName="circ1" refType="h" fact="0.99456"/>
            <dgm:constr type="l" for="ch" forName="circ1Tx" refType="w" fact="0.1"/>
            <dgm:constr type="t" for="ch" forName="circ1Tx" refType="h" fact="0.12"/>
            <dgm:constr type="w" for="ch" forName="circ1Tx" refType="w" fact="0.32"/>
            <dgm:constr type="h" for="ch" forName="circ1Tx" refType="h" fact="0.76"/>
            <dgm:constr type="ctrX" for="ch" forName="circ2" refType="w" fact="0.7"/>
            <dgm:constr type="ctrY" for="ch" forName="circ2" refType="h" fact="0.5"/>
            <dgm:constr type="w" for="ch" forName="circ2" refType="w" fact="0.555"/>
            <dgm:constr type="h" for="ch" forName="circ2" refType="h" fact="0.99456"/>
            <dgm:constr type="l" for="ch" forName="circ2Tx" refType="w" fact="0.58"/>
            <dgm:constr type="t" for="ch" forName="circ2Tx" refType="h" fact="0.12"/>
            <dgm:constr type="w" for="ch" forName="circ2Tx" refType="w" fact="0.32"/>
            <dgm:constr type="h" for="ch" forName="circ2Tx" refType="h" fact="0.76"/>
          </dgm:constrLst>
        </dgm:if>
        <dgm:if name="Name28" axis="ch ch" ptType="node node" st="2 1" cnt="1 0" func="cnt" op="equ" val="3">
          <dgm:constrLst>
            <dgm:constr type="ctrX" for="ch" forName="circ1" refType="w" fact="0.5"/>
            <dgm:constr type="ctrY" for="ch" forName="circ1" refType="w" fact="0.25"/>
            <dgm:constr type="w" for="ch" forName="circ1" refType="w" fact="0.6"/>
            <dgm:constr type="h" for="ch" forName="circ1" refType="h" fact="0.6"/>
            <dgm:constr type="l" for="ch" forName="circ1Tx" refType="w" fact="0.28"/>
            <dgm:constr type="t" for="ch" forName="circ1Tx" refType="h" fact="0.055"/>
            <dgm:constr type="w" for="ch" forName="circ1Tx" refType="w" fact="0.44"/>
            <dgm:constr type="h" for="ch" forName="circ1Tx" refType="h" fact="0.27"/>
            <dgm:constr type="ctrX" for="ch" forName="circ2" refType="w" fact="0.7165"/>
            <dgm:constr type="ctrY" for="ch" forName="circ2" refType="w" fact="0.625"/>
            <dgm:constr type="w" for="ch" forName="circ2" refType="w" fact="0.6"/>
            <dgm:constr type="h" for="ch" forName="circ2" refType="h" fact="0.6"/>
            <dgm:constr type="l" for="ch" forName="circ2Tx" refType="w" fact="0.6"/>
            <dgm:constr type="t" for="ch" forName="circ2Tx" refType="h" fact="0.48"/>
            <dgm:constr type="w" for="ch" forName="circ2Tx" refType="w" fact="0.36"/>
            <dgm:constr type="h" for="ch" forName="circ2Tx" refType="h" fact="0.33"/>
            <dgm:constr type="ctrX" for="ch" forName="circ3" refType="w" fact="0.2835"/>
            <dgm:constr type="ctrY" for="ch" forName="circ3" refType="w" fact="0.625"/>
            <dgm:constr type="w" for="ch" forName="circ3" refType="w" fact="0.6"/>
            <dgm:constr type="h" for="ch" forName="circ3" refType="h" fact="0.6"/>
            <dgm:constr type="l" for="ch" forName="circ3Tx" refType="w" fact="0.04"/>
            <dgm:constr type="t" for="ch" forName="circ3Tx" refType="h" fact="0.48"/>
            <dgm:constr type="w" for="ch" forName="circ3Tx" refType="w" fact="0.36"/>
            <dgm:constr type="h" for="ch" forName="circ3Tx" refType="h" fact="0.33"/>
          </dgm:constrLst>
        </dgm:if>
        <dgm:else name="Name29">
          <dgm:constrLst>
            <dgm:constr type="ctrX" for="ch" forName="circ1" refType="w" fact="0.5"/>
            <dgm:constr type="ctrY" for="ch" forName="circ1" refType="w" fact="0.27"/>
            <dgm:constr type="w" for="ch" forName="circ1" refType="w" fact="0.52"/>
            <dgm:constr type="h" for="ch" forName="circ1" refType="h" fact="0.52"/>
            <dgm:constr type="l" for="ch" forName="circ1Tx" refType="w" fact="0.3"/>
            <dgm:constr type="t" for="ch" forName="circ1Tx" refType="h" fact="0.08"/>
            <dgm:constr type="w" for="ch" forName="circ1Tx" refType="w" fact="0.4"/>
            <dgm:constr type="h" for="ch" forName="circ1Tx" refType="h" fact="0.165"/>
            <dgm:constr type="ctrX" for="ch" forName="circ2" refType="w" fact="0.73"/>
            <dgm:constr type="ctrY" for="ch" forName="circ2" refType="w" fact="0.5"/>
            <dgm:constr type="w" for="ch" forName="circ2" refType="w" fact="0.52"/>
            <dgm:constr type="h" for="ch" forName="circ2" refType="h" fact="0.52"/>
            <dgm:constr type="r" for="ch" forName="circ2Tx" refType="w" fact="0.95"/>
            <dgm:constr type="t" for="ch" forName="circ2Tx" refType="h" fact="0.3"/>
            <dgm:constr type="w" for="ch" forName="circ2Tx" refType="w" fact="0.2"/>
            <dgm:constr type="h" for="ch" forName="circ2Tx" refType="h" fact="0.4"/>
            <dgm:constr type="ctrX" for="ch" forName="circ3" refType="w" fact="0.5"/>
            <dgm:constr type="ctrY" for="ch" forName="circ3" refType="w" fact="0.73"/>
            <dgm:constr type="w" for="ch" forName="circ3" refType="w" fact="0.52"/>
            <dgm:constr type="h" for="ch" forName="circ3" refType="h" fact="0.52"/>
            <dgm:constr type="l" for="ch" forName="circ3Tx" refType="w" fact="0.3"/>
            <dgm:constr type="b" for="ch" forName="circ3Tx" refType="h" fact="0.92"/>
            <dgm:constr type="w" for="ch" forName="circ3Tx" refType="w" fact="0.4"/>
            <dgm:constr type="h" for="ch" forName="circ3Tx" refType="h" fact="0.165"/>
            <dgm:constr type="ctrX" for="ch" forName="circ4" refType="w" fact="0.27"/>
            <dgm:constr type="ctrY" for="ch" forName="circ4" refType="h" fact="0.5"/>
            <dgm:constr type="w" for="ch" forName="circ4" refType="w" fact="0.52"/>
            <dgm:constr type="h" for="ch" forName="circ4" refType="h" fact="0.52"/>
            <dgm:constr type="l" for="ch" forName="circ4Tx" refType="w" fact="0.05"/>
            <dgm:constr type="t" for="ch" forName="circ4Tx" refType="h" fact="0.3"/>
            <dgm:constr type="w" for="ch" forName="circ4Tx" refType="w" fact="0.2"/>
            <dgm:constr type="h" for="ch" forName="circ4Tx" refType="h" fact="0.4"/>
          </dgm:constrLst>
        </dgm:else>
      </dgm:choose>
      <dgm:ruleLst/>
      <dgm:forEach name="Name30" axis="ch ch" ptType="node node" st="2 1" cnt="1 1">
        <dgm:layoutNode name="circ1" styleLbl="vennNode1">
          <dgm:alg type="sp"/>
          <dgm:shape xmlns:r="http://schemas.openxmlformats.org/officeDocument/2006/relationships" type="ellipse" r:blip="">
            <dgm:adjLst/>
          </dgm:shape>
          <dgm:presOf axis="desOrSelf" ptType="node"/>
          <dgm:constrLst/>
          <dgm:ruleLst/>
        </dgm:layoutNode>
        <dgm:layoutNode name="circ1Tx" styleLbl="revTx">
          <dgm:varLst>
            <dgm:chMax val="0"/>
            <dgm:chPref val="0"/>
          </dgm:varLst>
          <dgm:alg type="tx">
            <dgm:param type="txAnchorHorzCh" val="ctr"/>
            <dgm:param type="txAnchorVertCh" val="mid"/>
          </dgm:alg>
          <dgm:shape xmlns:r="http://schemas.openxmlformats.org/officeDocument/2006/relationships" type="rect" r:blip="" hideGeom="1">
            <dgm:adjLst/>
          </dgm:shape>
          <dgm:presOf axis="desOrSelf" ptType="node"/>
          <dgm:constrLst>
            <dgm:constr type="tMarg"/>
            <dgm:constr type="bMarg"/>
            <dgm:constr type="lMarg"/>
            <dgm:constr type="rMarg"/>
            <dgm:constr type="primFontSz" val="20"/>
          </dgm:constrLst>
          <dgm:ruleLst>
            <dgm:rule type="primFontSz" val="5" fact="NaN" max="NaN"/>
          </dgm:ruleLst>
        </dgm:layoutNode>
      </dgm:forEach>
      <dgm:forEach name="Name31" axis="ch ch" ptType="node node" st="2 2" cnt="1 1">
        <dgm:layoutNode name="circ2" styleLbl="vennNode1">
          <dgm:alg type="sp"/>
          <dgm:shape xmlns:r="http://schemas.openxmlformats.org/officeDocument/2006/relationships" type="ellipse" r:blip="">
            <dgm:adjLst/>
          </dgm:shape>
          <dgm:presOf axis="desOrSelf" ptType="node"/>
          <dgm:constrLst/>
          <dgm:ruleLst/>
        </dgm:layoutNode>
        <dgm:layoutNode name="circ2Tx" styleLbl="revTx">
          <dgm:varLst>
            <dgm:chMax val="0"/>
            <dgm:chPref val="0"/>
          </dgm:varLst>
          <dgm:alg type="tx">
            <dgm:param type="txAnchorHorzCh" val="ctr"/>
            <dgm:param type="txAnchorVertCh" val="mid"/>
          </dgm:alg>
          <dgm:shape xmlns:r="http://schemas.openxmlformats.org/officeDocument/2006/relationships" type="rect" r:blip="" hideGeom="1">
            <dgm:adjLst/>
          </dgm:shape>
          <dgm:presOf axis="desOrSelf" ptType="node"/>
          <dgm:constrLst>
            <dgm:constr type="tMarg"/>
            <dgm:constr type="bMarg"/>
            <dgm:constr type="lMarg"/>
            <dgm:constr type="rMarg"/>
            <dgm:constr type="primFontSz" val="20"/>
          </dgm:constrLst>
          <dgm:ruleLst>
            <dgm:rule type="primFontSz" val="5" fact="NaN" max="NaN"/>
          </dgm:ruleLst>
        </dgm:layoutNode>
      </dgm:forEach>
      <dgm:forEach name="Name32" axis="ch ch" ptType="node node" st="2 3" cnt="1 1">
        <dgm:layoutNode name="circ3" styleLbl="vennNode1">
          <dgm:alg type="sp"/>
          <dgm:shape xmlns:r="http://schemas.openxmlformats.org/officeDocument/2006/relationships" type="ellipse" r:blip="">
            <dgm:adjLst/>
          </dgm:shape>
          <dgm:presOf axis="desOrSelf" ptType="node"/>
          <dgm:constrLst/>
          <dgm:ruleLst/>
        </dgm:layoutNode>
        <dgm:layoutNode name="circ3Tx" styleLbl="revTx">
          <dgm:varLst>
            <dgm:chMax val="0"/>
            <dgm:chPref val="0"/>
          </dgm:varLst>
          <dgm:alg type="tx">
            <dgm:param type="txAnchorHorzCh" val="ctr"/>
            <dgm:param type="txAnchorVertCh" val="mid"/>
          </dgm:alg>
          <dgm:shape xmlns:r="http://schemas.openxmlformats.org/officeDocument/2006/relationships" type="rect" r:blip="" hideGeom="1">
            <dgm:adjLst/>
          </dgm:shape>
          <dgm:presOf axis="desOrSelf" ptType="node"/>
          <dgm:constrLst>
            <dgm:constr type="tMarg"/>
            <dgm:constr type="bMarg"/>
            <dgm:constr type="lMarg"/>
            <dgm:constr type="rMarg"/>
            <dgm:constr type="primFontSz" val="20"/>
          </dgm:constrLst>
          <dgm:ruleLst>
            <dgm:rule type="primFontSz" val="5" fact="NaN" max="NaN"/>
          </dgm:ruleLst>
        </dgm:layoutNode>
      </dgm:forEach>
      <dgm:forEach name="Name33" axis="ch ch" ptType="node node" st="2 4" cnt="1 1">
        <dgm:layoutNode name="circ4" styleLbl="vennNode1">
          <dgm:alg type="sp"/>
          <dgm:shape xmlns:r="http://schemas.openxmlformats.org/officeDocument/2006/relationships" type="ellipse" r:blip="">
            <dgm:adjLst/>
          </dgm:shape>
          <dgm:presOf axis="desOrSelf" ptType="node"/>
          <dgm:constrLst/>
          <dgm:ruleLst/>
        </dgm:layoutNode>
        <dgm:layoutNode name="circ4Tx" styleLbl="revTx">
          <dgm:varLst>
            <dgm:chMax val="0"/>
            <dgm:chPref val="0"/>
            <dgm:bulletEnabled val="1"/>
          </dgm:varLst>
          <dgm:alg type="tx">
            <dgm:param type="txAnchorHorzCh" val="ctr"/>
            <dgm:param type="txAnchorVertCh" val="mid"/>
          </dgm:alg>
          <dgm:shape xmlns:r="http://schemas.openxmlformats.org/officeDocument/2006/relationships" type="rect" r:blip="" hideGeom="1">
            <dgm:adjLst/>
          </dgm:shape>
          <dgm:presOf axis="desOrSelf" ptType="node"/>
          <dgm:constrLst>
            <dgm:constr type="tMarg"/>
            <dgm:constr type="bMarg"/>
            <dgm:constr type="lMarg"/>
            <dgm:constr type="rMarg"/>
            <dgm:constr type="primFontSz" val="20"/>
          </dgm:constrLst>
          <dgm:ruleLst>
            <dgm:rule type="primFontSz" val="5" fact="NaN" max="NaN"/>
          </dgm:ruleLst>
        </dgm:layoutNode>
      </dgm:forEach>
    </dgm:layoutNode>
    <dgm:layoutNode name="leftComposite">
      <dgm:choose name="Name34">
        <dgm:if name="Name35" axis="ch ch" ptType="node node" st="1 1" cnt="1 0" func="cnt" op="lte" val="1">
          <dgm:alg type="composite">
            <dgm:param type="ar" val="1.3085"/>
          </dgm:alg>
          <dgm:constrLst>
            <dgm:constr type="l" for="ch" forName="childText1_1" refType="w" fact="0.2124"/>
            <dgm:constr type="t" for="ch" forName="childText1_1" refType="h" fact="0"/>
            <dgm:constr type="w" for="ch" forName="childText1_1" refType="w" fact="0.5759"/>
            <dgm:constr type="h" for="ch" forName="childText1_1" refType="h" fact="0.7535"/>
            <dgm:constr type="l" for="ch" forName="ellipse1" refType="w" fact="0"/>
            <dgm:constr type="t" for="ch" forName="ellipse1" refType="h" fact="0.63"/>
            <dgm:constr type="w" for="ch" forName="ellipse1" refType="w" fact="0.2828"/>
            <dgm:constr type="h" for="ch" forName="ellipse1" refType="h" fact="0.37"/>
            <dgm:constr type="l" for="ch" forName="ellipse2" refType="w" fact="0.82"/>
            <dgm:constr type="t" for="ch" forName="ellipse2" refType="h" fact="0.17"/>
            <dgm:constr type="w" for="ch" forName="ellipse2" refType="w" fact="0.1645"/>
            <dgm:constr type="h" for="ch" forName="ellipse2" refType="h" fact="0.2153"/>
          </dgm:constrLst>
        </dgm:if>
        <dgm:if name="Name36" axis="ch ch" ptType="node node" st="1 1" cnt="1 0" func="cnt" op="equ" val="2">
          <dgm:alg type="composite">
            <dgm:param type="ar" val="0.8917"/>
          </dgm:alg>
          <dgm:constrLst>
            <dgm:constr type="l" for="ch" forName="childText1_1" refType="w" fact="0.1864"/>
            <dgm:constr type="t" for="ch" forName="childText1_1" refType="h" fact="0"/>
            <dgm:constr type="w" for="ch" forName="childText1_1" refType="w" fact="0.5055"/>
            <dgm:constr type="h" for="ch" forName="childText1_1" refType="h" fact="0.4507"/>
            <dgm:constr type="l" for="ch" forName="childText1_2" refType="w" fact="0.4945"/>
            <dgm:constr type="t" for="ch" forName="childText1_2" refType="h" fact="0.3929"/>
            <dgm:constr type="w" for="ch" forName="childText1_2" refType="w" fact="0.5055"/>
            <dgm:constr type="h" for="ch" forName="childText1_2" refType="h" fact="0.4507"/>
            <dgm:constr type="l" for="ch" forName="ellipse1" refType="w" fact="0"/>
            <dgm:constr type="t" for="ch" forName="ellipse1" refType="h" fact="0.3768"/>
            <dgm:constr type="w" for="ch" forName="ellipse1" refType="w" fact="0.2482"/>
            <dgm:constr type="h" for="ch" forName="ellipse1" refType="h" fact="0.2213"/>
            <dgm:constr type="l" for="ch" forName="ellipse3" refType="w" fact="0.5474"/>
            <dgm:constr type="t" for="ch" forName="ellipse3" refType="h" fact="0.8712"/>
            <dgm:constr type="w" for="ch" forName="ellipse3" refType="w" fact="0.1444"/>
            <dgm:constr type="h" for="ch" forName="ellipse3" refType="h" fact="0.1288"/>
            <dgm:constr type="l" for="ch" forName="ellipse2" refType="w" fact="0.7333"/>
            <dgm:constr type="t" for="ch" forName="ellipse2" refType="h" fact="0.0887"/>
            <dgm:constr type="w" for="ch" forName="ellipse2" refType="w" fact="0.1444"/>
            <dgm:constr type="h" for="ch" forName="ellipse2" refType="h" fact="0.1288"/>
          </dgm:constrLst>
        </dgm:if>
        <dgm:if name="Name37" axis="ch ch" ptType="node node" st="1 1" cnt="1 0" func="cnt" op="equ" val="3">
          <dgm:alg type="composite">
            <dgm:param type="ar" val="1.0811"/>
          </dgm:alg>
          <dgm:constrLst>
            <dgm:constr type="l" for="ch" forName="childText1_3" refType="w" fact="0.1649"/>
            <dgm:constr type="t" for="ch" forName="childText1_3" refType="h" fact="0.5389"/>
            <dgm:constr type="w" for="ch" forName="childText1_3" refType="w" fact="0.4265"/>
            <dgm:constr type="h" for="ch" forName="childText1_3" refType="h" fact="0.4611"/>
            <dgm:constr type="l" for="ch" forName="childText1_1" refType="w" fact="0.1573"/>
            <dgm:constr type="t" for="ch" forName="childText1_1" refType="h" fact="0"/>
            <dgm:constr type="w" for="ch" forName="childText1_1" refType="w" fact="0.4265"/>
            <dgm:constr type="h" for="ch" forName="childText1_1" refType="h" fact="0.4611"/>
            <dgm:constr type="l" for="ch" forName="childText1_2" refType="w" fact="0.5735"/>
            <dgm:constr type="t" for="ch" forName="childText1_2" refType="h" fact="0.2754"/>
            <dgm:constr type="w" for="ch" forName="childText1_2" refType="w" fact="0.4265"/>
            <dgm:constr type="h" for="ch" forName="childText1_2" refType="h" fact="0.4611"/>
            <dgm:constr type="l" for="ch" forName="ellipse1" refType="w" fact="0"/>
            <dgm:constr type="t" for="ch" forName="ellipse1" refType="h" fact="0.3855"/>
            <dgm:constr type="w" for="ch" forName="ellipse1" refType="w" fact="0.2095"/>
            <dgm:constr type="h" for="ch" forName="ellipse1" refType="h" fact="0.2264"/>
            <dgm:constr type="l" for="ch" forName="ellipse3" refType="w" fact="0.6181"/>
            <dgm:constr type="t" for="ch" forName="ellipse3" refType="h" fact="0.7647"/>
            <dgm:constr type="w" for="ch" forName="ellipse3" refType="w" fact="0.1219"/>
            <dgm:constr type="h" for="ch" forName="ellipse3" refType="h" fact="0.1317"/>
            <dgm:constr type="l" for="ch" forName="ellipse2" refType="w" fact="0.6188"/>
            <dgm:constr type="t" for="ch" forName="ellipse2" refType="h" fact="0.0907"/>
            <dgm:constr type="w" for="ch" forName="ellipse2" refType="w" fact="0.1219"/>
            <dgm:constr type="h" for="ch" forName="ellipse2" refType="h" fact="0.1317"/>
          </dgm:constrLst>
        </dgm:if>
        <dgm:else name="Name38">
          <dgm:alg type="composite">
            <dgm:param type="ar" val="0.9472"/>
          </dgm:alg>
          <dgm:constrLst>
            <dgm:constr type="l" for="ch" forName="childText1_3" refType="w" fact="0"/>
            <dgm:constr type="t" for="ch" forName="childText1_3" refType="h" fact="0.6035"/>
            <dgm:constr type="w" for="ch" forName="childText1_3" refType="w" fact="0.4186"/>
            <dgm:constr type="h" for="ch" forName="childText1_3" refType="h" fact="0.3965"/>
            <dgm:constr type="l" for="ch" forName="childText1_1" refType="w" fact="0.0981"/>
            <dgm:constr type="t" for="ch" forName="childText1_1" refType="h" fact="0"/>
            <dgm:constr type="w" for="ch" forName="childText1_1" refType="w" fact="0.4186"/>
            <dgm:constr type="h" for="ch" forName="childText1_1" refType="h" fact="0.3965"/>
            <dgm:constr type="l" for="ch" forName="childText1_2" refType="w" fact="0.5385"/>
            <dgm:constr type="t" for="ch" forName="childText1_2" refType="h" fact="0.1304"/>
            <dgm:constr type="w" for="ch" forName="childText1_2" refType="w" fact="0.4186"/>
            <dgm:constr type="h" for="ch" forName="childText1_2" refType="h" fact="0.3965"/>
            <dgm:constr type="l" for="ch" forName="ellipse4" refType="w" fact="0.3222"/>
            <dgm:constr type="t" for="ch" forName="ellipse4" refType="h" fact="0.4232"/>
            <dgm:constr type="w" for="ch" forName="ellipse4" refType="w" fact="0.2056"/>
            <dgm:constr type="h" for="ch" forName="ellipse4" refType="h" fact="0.1947"/>
            <dgm:constr type="l" for="ch" forName="ellipse1" refType="w" fact="0.1489"/>
            <dgm:constr type="t" for="ch" forName="ellipse1" refType="h" fact="0.4502"/>
            <dgm:constr type="w" for="ch" forName="ellipse1" refType="w" fact="0.1196"/>
            <dgm:constr type="h" for="ch" forName="ellipse1" refType="h" fact="0.1133"/>
            <dgm:constr type="l" for="ch" forName="ellipse2" refType="w" fact="0.5384"/>
            <dgm:constr type="t" for="ch" forName="ellipse2" refType="h" fact="0.0124"/>
            <dgm:constr type="w" for="ch" forName="ellipse2" refType="w" fact="0.1196"/>
            <dgm:constr type="h" for="ch" forName="ellipse2" refType="h" fact="0.1133"/>
            <dgm:constr type="l" for="ch" forName="childText1_4" refType="w" fact="0.4625"/>
            <dgm:constr type="t" for="ch" forName="childText1_4" refType="h" fact="0.5719"/>
            <dgm:constr type="w" for="ch" forName="childText1_4" refType="w" fact="0.4186"/>
            <dgm:constr type="h" for="ch" forName="childText1_4" refType="h" fact="0.3965"/>
            <dgm:constr type="l" for="ch" forName="ellipse3" refType="w" fact="0.8804"/>
            <dgm:constr type="t" for="ch" forName="ellipse3" refType="h" fact="0.5329"/>
            <dgm:constr type="w" for="ch" forName="ellipse3" refType="w" fact="0.1196"/>
            <dgm:constr type="h" for="ch" forName="ellipse3" refType="h" fact="0.1133"/>
            <dgm:constr type="l" for="ch" forName="ellipse5" refType="w" fact="0.0146"/>
            <dgm:constr type="t" for="ch" forName="ellipse5" refType="h" fact="0.5228"/>
            <dgm:constr type="w" for="ch" forName="ellipse5" refType="w" fact="0.0899"/>
            <dgm:constr type="h" for="ch" forName="ellipse5" refType="h" fact="0.0851"/>
          </dgm:constrLst>
        </dgm:else>
      </dgm:choose>
      <dgm:forEach name="Name39" axis="ch ch" ptType="node node" st="1 1" cnt="1 1">
        <dgm:layoutNode name="childText1_1" styleLbl="vennNode1">
          <dgm:varLst>
            <dgm:chMax val="0"/>
            <dgm:chPref val="0"/>
          </dgm:varLst>
          <dgm:alg type="tx"/>
          <dgm:shape xmlns:r="http://schemas.openxmlformats.org/officeDocument/2006/relationships" type="ellipse" r:blip="">
            <dgm:adjLst/>
          </dgm:shape>
          <dgm:presOf axis="desOrSelf" ptType="node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  <dgm:layoutNode name="ellipse1" styleLbl="vennNode1">
          <dgm:alg type="sp"/>
          <dgm:shape xmlns:r="http://schemas.openxmlformats.org/officeDocument/2006/relationships" type="ellipse" r:blip="">
            <dgm:adjLst/>
          </dgm:shape>
          <dgm:presOf/>
        </dgm:layoutNode>
        <dgm:layoutNode name="ellipse2" styleLbl="vennNode1">
          <dgm:alg type="sp"/>
          <dgm:shape xmlns:r="http://schemas.openxmlformats.org/officeDocument/2006/relationships" type="ellipse" r:blip="">
            <dgm:adjLst/>
          </dgm:shape>
          <dgm:presOf/>
        </dgm:layoutNode>
      </dgm:forEach>
      <dgm:forEach name="Name40" axis="ch ch" ptType="node node" st="1 2" cnt="1 1">
        <dgm:layoutNode name="childText1_2" styleLbl="vennNode1">
          <dgm:varLst>
            <dgm:chMax val="0"/>
            <dgm:chPref val="0"/>
          </dgm:varLst>
          <dgm:alg type="tx"/>
          <dgm:shape xmlns:r="http://schemas.openxmlformats.org/officeDocument/2006/relationships" type="ellipse" r:blip="">
            <dgm:adjLst/>
          </dgm:shape>
          <dgm:presOf axis="desOrSelf" ptType="node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  <dgm:layoutNode name="ellipse3" styleLbl="vennNode1">
          <dgm:alg type="sp"/>
          <dgm:shape xmlns:r="http://schemas.openxmlformats.org/officeDocument/2006/relationships" type="ellipse" r:blip="">
            <dgm:adjLst/>
          </dgm:shape>
          <dgm:presOf/>
        </dgm:layoutNode>
      </dgm:forEach>
      <dgm:forEach name="Name41" axis="ch ch" ptType="node node" st="1 3" cnt="1 1">
        <dgm:layoutNode name="childText1_3" styleLbl="vennNode1">
          <dgm:varLst>
            <dgm:chMax val="0"/>
            <dgm:chPref val="0"/>
          </dgm:varLst>
          <dgm:alg type="tx"/>
          <dgm:shape xmlns:r="http://schemas.openxmlformats.org/officeDocument/2006/relationships" type="ellipse" r:blip="">
            <dgm:adjLst/>
          </dgm:shape>
          <dgm:presOf axis="desOrSelf" ptType="node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forEach>
      <dgm:forEach name="Name42" axis="ch ch" ptType="node node" st="1 4" cnt="1 1">
        <dgm:layoutNode name="childText1_4" styleLbl="vennNode1">
          <dgm:varLst>
            <dgm:chMax val="0"/>
            <dgm:chPref val="0"/>
          </dgm:varLst>
          <dgm:alg type="tx"/>
          <dgm:shape xmlns:r="http://schemas.openxmlformats.org/officeDocument/2006/relationships" type="ellipse" r:blip="">
            <dgm:adjLst/>
          </dgm:shape>
          <dgm:presOf axis="desOrSelf" ptType="node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  <dgm:layoutNode name="ellipse4" styleLbl="vennNode1">
          <dgm:alg type="sp"/>
          <dgm:shape xmlns:r="http://schemas.openxmlformats.org/officeDocument/2006/relationships" type="ellipse" r:blip="">
            <dgm:adjLst/>
          </dgm:shape>
          <dgm:presOf/>
        </dgm:layoutNode>
        <dgm:layoutNode name="ellipse5" styleLbl="vennNode1">
          <dgm:alg type="sp"/>
          <dgm:shape xmlns:r="http://schemas.openxmlformats.org/officeDocument/2006/relationships" type="ellipse" r:blip="">
            <dgm:adjLst/>
          </dgm:shape>
          <dgm:presOf/>
        </dgm:layoutNode>
      </dgm:forEach>
    </dgm:layoutNode>
    <dgm:choose name="Name43">
      <dgm:if name="Name44" axis="ch ch" ptType="node node" st="3 1" cnt="1 0" func="cnt" op="gte" val="1">
        <dgm:layoutNode name="rightChild">
          <dgm:varLst>
            <dgm:chMax val="0"/>
            <dgm:chPref val="0"/>
          </dgm:varLst>
          <dgm:alg type="tx"/>
          <dgm:shape xmlns:r="http://schemas.openxmlformats.org/officeDocument/2006/relationships" type="ellipse" r:blip="">
            <dgm:adjLst/>
          </dgm:shape>
          <dgm:presOf axis="ch des" ptType="node node" st="3 1" cnt="1 0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if>
      <dgm:else name="Name45"/>
    </dgm:choose>
    <dgm:layoutNode name="parentText1" styleLbl="revTx">
      <dgm:varLst>
        <dgm:chMax val="4"/>
        <dgm:chPref val="3"/>
        <dgm:bulletEnabled val="1"/>
      </dgm:varLst>
      <dgm:alg type="tx"/>
      <dgm:shape xmlns:r="http://schemas.openxmlformats.org/officeDocument/2006/relationships" type="rect" r:blip="">
        <dgm:adjLst/>
      </dgm:shape>
      <dgm:presOf axis="ch self" ptType="node node" st="1 1" cnt="1 0"/>
      <dgm:constrLst>
        <dgm:constr type="lMarg" refType="primFontSz" fact="0.3"/>
        <dgm:constr type="rMarg" refType="primFontSz" fact="0.3"/>
        <dgm:constr type="tMarg" refType="primFontSz" fact="0.3"/>
        <dgm:constr type="bMarg" refType="primFontSz" fact="0.3"/>
      </dgm:constrLst>
      <dgm:ruleLst>
        <dgm:rule type="primFontSz" val="5" fact="NaN" max="NaN"/>
      </dgm:ruleLst>
    </dgm:layoutNode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8/03/2024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28/03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4288919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1647990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172B4D"/>
                </a:solidFill>
                <a:latin typeface="-apple-system"/>
              </a:rPr>
              <a:t>Visualize demand for medication and ensure pharmacies can handle the volume </a:t>
            </a:r>
            <a:endParaRPr lang="en-US" b="0" i="0" dirty="0">
              <a:solidFill>
                <a:srgbClr val="172B4D"/>
              </a:solidFill>
              <a:effectLst/>
              <a:latin typeface="-apple-system"/>
            </a:endParaRP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Improve insights into what medications patients may need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Use predictive analytics to better manage inventory/demand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Provide vital information to patients so that they can better take care of themselves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Proactive monitoring of conditions to drive better health outcomes and volume to our pharmacy</a:t>
            </a:r>
          </a:p>
          <a:p>
            <a:r>
              <a:rPr lang="en-US" dirty="0">
                <a:solidFill>
                  <a:srgbClr val="172B4D"/>
                </a:solidFill>
                <a:latin typeface="-apple-system"/>
              </a:rPr>
              <a:t>MVP focused on seasonal allergies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57315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172B4D"/>
                </a:solidFill>
                <a:latin typeface="-apple-system"/>
              </a:rPr>
              <a:t>Visualize demand for medication and ensure pharmacies can handle the volume </a:t>
            </a:r>
            <a:endParaRPr lang="en-US" b="0" i="0" dirty="0">
              <a:solidFill>
                <a:srgbClr val="172B4D"/>
              </a:solidFill>
              <a:effectLst/>
              <a:latin typeface="-apple-system"/>
            </a:endParaRP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Improve insights into what medications patients may need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Use predictive analytics to better manage inventory/demand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Provide vital information to patients so that they can better take care of themselves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Proactive monitoring of conditions to drive better health outcomes and volume to our pharmacy</a:t>
            </a:r>
          </a:p>
          <a:p>
            <a:r>
              <a:rPr lang="en-US" dirty="0">
                <a:solidFill>
                  <a:srgbClr val="172B4D"/>
                </a:solidFill>
                <a:latin typeface="-apple-system"/>
              </a:rPr>
              <a:t>MVP focused on seasonal allergies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025729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172B4D"/>
                </a:solidFill>
                <a:latin typeface="-apple-system"/>
              </a:rPr>
              <a:t>Visualize demand for medication and ensure pharmacies can handle the volume </a:t>
            </a:r>
            <a:endParaRPr lang="en-US" b="0" i="0" dirty="0">
              <a:solidFill>
                <a:srgbClr val="172B4D"/>
              </a:solidFill>
              <a:effectLst/>
              <a:latin typeface="-apple-system"/>
            </a:endParaRP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Improve insights into what medications patients may need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Use predictive analytics to better manage inventory/demand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Provide vital information to patients so that they can better take care of themselves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Proactive monitoring of conditions to drive better health outcomes and volume to our pharmacy</a:t>
            </a:r>
          </a:p>
          <a:p>
            <a:r>
              <a:rPr lang="en-US" dirty="0">
                <a:solidFill>
                  <a:srgbClr val="172B4D"/>
                </a:solidFill>
                <a:latin typeface="-apple-system"/>
              </a:rPr>
              <a:t>MVP focused on seasonal allergies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3980632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172B4D"/>
                </a:solidFill>
                <a:latin typeface="-apple-system"/>
              </a:rPr>
              <a:t>Visualize demand for medication and ensure pharmacies can handle the volume </a:t>
            </a:r>
            <a:endParaRPr lang="en-US" b="0" i="0" dirty="0">
              <a:solidFill>
                <a:srgbClr val="172B4D"/>
              </a:solidFill>
              <a:effectLst/>
              <a:latin typeface="-apple-system"/>
            </a:endParaRP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Improve insights into what medications patients may need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Use predictive analytics to better manage inventory/demand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Provide vital information to patients so that they can better take care of themselves</a:t>
            </a:r>
          </a:p>
          <a:p>
            <a:pPr lvl="1"/>
            <a:r>
              <a:rPr lang="en-US" dirty="0">
                <a:solidFill>
                  <a:srgbClr val="172B4D"/>
                </a:solidFill>
                <a:latin typeface="-apple-system"/>
              </a:rPr>
              <a:t>Proactive monitoring of conditions to drive better health outcomes and volume to our pharmacy</a:t>
            </a:r>
          </a:p>
          <a:p>
            <a:r>
              <a:rPr lang="en-US" dirty="0">
                <a:solidFill>
                  <a:srgbClr val="172B4D"/>
                </a:solidFill>
                <a:latin typeface="-apple-system"/>
              </a:rPr>
              <a:t>MVP focused on seasonal allergies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38499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13" Type="http://schemas.openxmlformats.org/officeDocument/2006/relationships/image" Target="../media/image15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pn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53" name="Freeform: Shape blue">
            <a:extLst>
              <a:ext uri="{FF2B5EF4-FFF2-40B4-BE49-F238E27FC236}">
                <a16:creationId xmlns:a16="http://schemas.microsoft.com/office/drawing/2014/main" id="{DC96321B-7A18-7CC6-6F04-9CB88F9B659F}"/>
              </a:ext>
            </a:extLst>
          </p:cNvPr>
          <p:cNvSpPr/>
          <p:nvPr userDrawn="1"/>
        </p:nvSpPr>
        <p:spPr>
          <a:xfrm>
            <a:off x="5089113" y="1"/>
            <a:ext cx="6026548" cy="4490467"/>
          </a:xfrm>
          <a:custGeom>
            <a:avLst/>
            <a:gdLst>
              <a:gd name="connsiteX0" fmla="*/ 388526 w 6026548"/>
              <a:gd name="connsiteY0" fmla="*/ 0 h 4490467"/>
              <a:gd name="connsiteX1" fmla="*/ 5638022 w 6026548"/>
              <a:gd name="connsiteY1" fmla="*/ 0 h 4490467"/>
              <a:gd name="connsiteX2" fmla="*/ 5662862 w 6026548"/>
              <a:gd name="connsiteY2" fmla="*/ 40888 h 4490467"/>
              <a:gd name="connsiteX3" fmla="*/ 6026548 w 6026548"/>
              <a:gd name="connsiteY3" fmla="*/ 1477194 h 4490467"/>
              <a:gd name="connsiteX4" fmla="*/ 6022627 w 6026548"/>
              <a:gd name="connsiteY4" fmla="*/ 1632256 h 4490467"/>
              <a:gd name="connsiteX5" fmla="*/ 6020443 w 6026548"/>
              <a:gd name="connsiteY5" fmla="*/ 1660981 h 4490467"/>
              <a:gd name="connsiteX6" fmla="*/ 5989931 w 6026548"/>
              <a:gd name="connsiteY6" fmla="*/ 1661752 h 4490467"/>
              <a:gd name="connsiteX7" fmla="*/ 3147277 w 6026548"/>
              <a:gd name="connsiteY7" fmla="*/ 4363015 h 4490467"/>
              <a:gd name="connsiteX8" fmla="*/ 3137825 w 6026548"/>
              <a:gd name="connsiteY8" fmla="*/ 4487317 h 4490467"/>
              <a:gd name="connsiteX9" fmla="*/ 3013274 w 6026548"/>
              <a:gd name="connsiteY9" fmla="*/ 4490467 h 4490467"/>
              <a:gd name="connsiteX10" fmla="*/ 0 w 6026548"/>
              <a:gd name="connsiteY10" fmla="*/ 1477194 h 4490467"/>
              <a:gd name="connsiteX11" fmla="*/ 363686 w 6026548"/>
              <a:gd name="connsiteY11" fmla="*/ 40888 h 44904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6026548" h="4490467">
                <a:moveTo>
                  <a:pt x="388526" y="0"/>
                </a:moveTo>
                <a:lnTo>
                  <a:pt x="5638022" y="0"/>
                </a:lnTo>
                <a:lnTo>
                  <a:pt x="5662862" y="40888"/>
                </a:lnTo>
                <a:cubicBezTo>
                  <a:pt x="5894801" y="467849"/>
                  <a:pt x="6026548" y="957136"/>
                  <a:pt x="6026548" y="1477194"/>
                </a:cubicBezTo>
                <a:cubicBezTo>
                  <a:pt x="6026548" y="1529199"/>
                  <a:pt x="6025231" y="1580897"/>
                  <a:pt x="6022627" y="1632256"/>
                </a:cubicBezTo>
                <a:lnTo>
                  <a:pt x="6020443" y="1660981"/>
                </a:lnTo>
                <a:lnTo>
                  <a:pt x="5989931" y="1661752"/>
                </a:lnTo>
                <a:cubicBezTo>
                  <a:pt x="4500525" y="1737249"/>
                  <a:pt x="3296443" y="2894202"/>
                  <a:pt x="3147277" y="4363015"/>
                </a:cubicBezTo>
                <a:lnTo>
                  <a:pt x="3137825" y="4487317"/>
                </a:lnTo>
                <a:lnTo>
                  <a:pt x="3013274" y="4490467"/>
                </a:lnTo>
                <a:cubicBezTo>
                  <a:pt x="1349089" y="4490467"/>
                  <a:pt x="0" y="3141379"/>
                  <a:pt x="0" y="1477194"/>
                </a:cubicBezTo>
                <a:cubicBezTo>
                  <a:pt x="0" y="957136"/>
                  <a:pt x="131747" y="467849"/>
                  <a:pt x="363686" y="40888"/>
                </a:cubicBez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54" name="Freeform: Shape green">
            <a:extLst>
              <a:ext uri="{FF2B5EF4-FFF2-40B4-BE49-F238E27FC236}">
                <a16:creationId xmlns:a16="http://schemas.microsoft.com/office/drawing/2014/main" id="{D0B5504E-05B1-DDC5-F3CA-FE763C8B1204}"/>
              </a:ext>
            </a:extLst>
          </p:cNvPr>
          <p:cNvSpPr/>
          <p:nvPr userDrawn="1"/>
        </p:nvSpPr>
        <p:spPr>
          <a:xfrm>
            <a:off x="8226938" y="1660983"/>
            <a:ext cx="2882618" cy="2826337"/>
          </a:xfrm>
          <a:custGeom>
            <a:avLst/>
            <a:gdLst>
              <a:gd name="connsiteX0" fmla="*/ 3308061 w 3308061"/>
              <a:gd name="connsiteY0" fmla="*/ 0 h 3243473"/>
              <a:gd name="connsiteX1" fmla="*/ 3297214 w 3308061"/>
              <a:gd name="connsiteY1" fmla="*/ 142648 h 3243473"/>
              <a:gd name="connsiteX2" fmla="*/ 35015 w 3308061"/>
              <a:gd name="connsiteY2" fmla="*/ 3242588 h 3243473"/>
              <a:gd name="connsiteX3" fmla="*/ 0 w 3308061"/>
              <a:gd name="connsiteY3" fmla="*/ 3243473 h 3243473"/>
              <a:gd name="connsiteX4" fmla="*/ 10847 w 3308061"/>
              <a:gd name="connsiteY4" fmla="*/ 3100825 h 3243473"/>
              <a:gd name="connsiteX5" fmla="*/ 3273046 w 3308061"/>
              <a:gd name="connsiteY5" fmla="*/ 885 h 3243473"/>
              <a:gd name="connsiteX6" fmla="*/ 3308061 w 3308061"/>
              <a:gd name="connsiteY6" fmla="*/ 0 h 32434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308061" h="3243473">
                <a:moveTo>
                  <a:pt x="3308061" y="0"/>
                </a:moveTo>
                <a:lnTo>
                  <a:pt x="3297214" y="142648"/>
                </a:lnTo>
                <a:cubicBezTo>
                  <a:pt x="3126032" y="1828242"/>
                  <a:pt x="1744241" y="3155948"/>
                  <a:pt x="35015" y="3242588"/>
                </a:cubicBezTo>
                <a:lnTo>
                  <a:pt x="0" y="3243473"/>
                </a:lnTo>
                <a:lnTo>
                  <a:pt x="10847" y="3100825"/>
                </a:lnTo>
                <a:cubicBezTo>
                  <a:pt x="182029" y="1415231"/>
                  <a:pt x="1563820" y="87525"/>
                  <a:pt x="3273046" y="885"/>
                </a:cubicBezTo>
                <a:lnTo>
                  <a:pt x="3308061" y="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EF2F01D2-65BD-7ADB-E48A-DC286DBD2FB8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8220834" y="1657832"/>
            <a:ext cx="3971167" cy="5020168"/>
          </a:xfrm>
          <a:custGeom>
            <a:avLst/>
            <a:gdLst>
              <a:gd name="connsiteX0" fmla="*/ 3013274 w 3971167"/>
              <a:gd name="connsiteY0" fmla="*/ 0 h 5020168"/>
              <a:gd name="connsiteX1" fmla="*/ 3909329 w 3971167"/>
              <a:gd name="connsiteY1" fmla="*/ 135471 h 5020168"/>
              <a:gd name="connsiteX2" fmla="*/ 3971167 w 3971167"/>
              <a:gd name="connsiteY2" fmla="*/ 158104 h 5020168"/>
              <a:gd name="connsiteX3" fmla="*/ 3971167 w 3971167"/>
              <a:gd name="connsiteY3" fmla="*/ 5020168 h 5020168"/>
              <a:gd name="connsiteX4" fmla="*/ 770039 w 3971167"/>
              <a:gd name="connsiteY4" fmla="*/ 5020168 h 5020168"/>
              <a:gd name="connsiteX5" fmla="*/ 688085 w 3971167"/>
              <a:gd name="connsiteY5" fmla="*/ 4929996 h 5020168"/>
              <a:gd name="connsiteX6" fmla="*/ 0 w 3971167"/>
              <a:gd name="connsiteY6" fmla="*/ 3013274 h 5020168"/>
              <a:gd name="connsiteX7" fmla="*/ 3922 w 3971167"/>
              <a:gd name="connsiteY7" fmla="*/ 2858211 h 5020168"/>
              <a:gd name="connsiteX8" fmla="*/ 6105 w 3971167"/>
              <a:gd name="connsiteY8" fmla="*/ 2829487 h 5020168"/>
              <a:gd name="connsiteX9" fmla="*/ 36617 w 3971167"/>
              <a:gd name="connsiteY9" fmla="*/ 2828715 h 5020168"/>
              <a:gd name="connsiteX10" fmla="*/ 2879271 w 3971167"/>
              <a:gd name="connsiteY10" fmla="*/ 127453 h 5020168"/>
              <a:gd name="connsiteX11" fmla="*/ 2888723 w 3971167"/>
              <a:gd name="connsiteY11" fmla="*/ 3150 h 50201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3971167" h="5020168">
                <a:moveTo>
                  <a:pt x="3013274" y="0"/>
                </a:moveTo>
                <a:cubicBezTo>
                  <a:pt x="3325309" y="0"/>
                  <a:pt x="3626266" y="47429"/>
                  <a:pt x="3909329" y="135471"/>
                </a:cubicBezTo>
                <a:lnTo>
                  <a:pt x="3971167" y="158104"/>
                </a:lnTo>
                <a:lnTo>
                  <a:pt x="3971167" y="5020168"/>
                </a:lnTo>
                <a:lnTo>
                  <a:pt x="770039" y="5020168"/>
                </a:lnTo>
                <a:lnTo>
                  <a:pt x="688085" y="4929996"/>
                </a:lnTo>
                <a:cubicBezTo>
                  <a:pt x="258224" y="4409125"/>
                  <a:pt x="0" y="3741356"/>
                  <a:pt x="0" y="3013274"/>
                </a:cubicBezTo>
                <a:cubicBezTo>
                  <a:pt x="0" y="2961268"/>
                  <a:pt x="1318" y="2909570"/>
                  <a:pt x="3922" y="2858211"/>
                </a:cubicBezTo>
                <a:lnTo>
                  <a:pt x="6105" y="2829487"/>
                </a:lnTo>
                <a:lnTo>
                  <a:pt x="36617" y="2828715"/>
                </a:lnTo>
                <a:cubicBezTo>
                  <a:pt x="1526023" y="2753218"/>
                  <a:pt x="2730105" y="1596266"/>
                  <a:pt x="2879271" y="127453"/>
                </a:cubicBezTo>
                <a:lnTo>
                  <a:pt x="2888723" y="315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Dynamic legal" descr="{&quot;templafy&quot;:{&quot;id&quot;:&quot;a78ef63e-5142-4f2b-a885-2324ccfb8e12&quot;}}">
            <a:extLst>
              <a:ext uri="{FF2B5EF4-FFF2-40B4-BE49-F238E27FC236}">
                <a16:creationId xmlns:a16="http://schemas.microsoft.com/office/drawing/2014/main" id="{26A1A29F-217F-F7D9-D755-2DB5AB2496F6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5" name="Dynamic Internal use only" descr="{&quot;templafy&quot;:{&quot;id&quot;:&quot;c137ec79-dc99-4178-ba17-2d537a3cb09c&quot;}}" hidden="1" title="Form.Cigna_Confidentiality.Cigna_groupConfidentiality">
            <a:extLst>
              <a:ext uri="{FF2B5EF4-FFF2-40B4-BE49-F238E27FC236}">
                <a16:creationId xmlns:a16="http://schemas.microsoft.com/office/drawing/2014/main" id="{BE4A3B7A-2B97-FD89-6765-325DFB07B06A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59" name="Logo">
            <a:extLst>
              <a:ext uri="{FF2B5EF4-FFF2-40B4-BE49-F238E27FC236}">
                <a16:creationId xmlns:a16="http://schemas.microsoft.com/office/drawing/2014/main" id="{91091B0C-8E99-5FDD-C3E6-0CCA3A3431B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5887784"/>
            <a:ext cx="1620000" cy="61700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59999" y="1429200"/>
            <a:ext cx="4665600" cy="2707200"/>
          </a:xfrm>
          <a:noFill/>
        </p:spPr>
        <p:txBody>
          <a:bodyPr anchor="t" anchorCtr="0"/>
          <a:lstStyle>
            <a:lvl1pPr algn="l">
              <a:lnSpc>
                <a:spcPct val="95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90B2022-CFFB-B3B3-6961-D1AF54CD9D6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59998" y="4914000"/>
            <a:ext cx="4665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98C029-D05F-5508-ADFB-37909884ED20}"/>
              </a:ext>
            </a:extLst>
          </p:cNvPr>
          <p:cNvSpPr>
            <a:spLocks noGrp="1"/>
          </p:cNvSpPr>
          <p:nvPr>
            <p:ph type="dt" sz="half" idx="17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D59182A7-52C8-4F5C-83C2-1A6D32F2CA0C}" type="datetime4">
              <a:rPr lang="en-US" smtClean="0"/>
              <a:pPr/>
              <a:t>March 28, 2024</a:t>
            </a:fld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6A563A3-5992-26AD-2C21-0DCEEDC7CDA3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19FF4F-98D0-2080-4C54-2205BF3019E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898" userDrawn="1">
          <p15:clr>
            <a:srgbClr val="A4A3A4"/>
          </p15:clr>
        </p15:guide>
        <p15:guide id="2" orient="horz" pos="3095" userDrawn="1">
          <p15:clr>
            <a:srgbClr val="A4A3A4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E2D4373E-8D35-B2B2-38A9-00C37AF18AAF}"/>
              </a:ext>
            </a:extLst>
          </p:cNvPr>
          <p:cNvSpPr/>
          <p:nvPr/>
        </p:nvSpPr>
        <p:spPr>
          <a:xfrm rot="16200000">
            <a:off x="5970127" y="-648579"/>
            <a:ext cx="4854399" cy="6151559"/>
          </a:xfrm>
          <a:custGeom>
            <a:avLst/>
            <a:gdLst>
              <a:gd name="connsiteX0" fmla="*/ 0 w 4854399"/>
              <a:gd name="connsiteY0" fmla="*/ 3075780 h 6151559"/>
              <a:gd name="connsiteX1" fmla="*/ 0 w 4854399"/>
              <a:gd name="connsiteY1" fmla="*/ 3075780 h 6151559"/>
              <a:gd name="connsiteX2" fmla="*/ 0 w 4854399"/>
              <a:gd name="connsiteY2" fmla="*/ 3075779 h 6151559"/>
              <a:gd name="connsiteX3" fmla="*/ 4854399 w 4854399"/>
              <a:gd name="connsiteY3" fmla="*/ 0 h 6151559"/>
              <a:gd name="connsiteX4" fmla="*/ 4854399 w 4854399"/>
              <a:gd name="connsiteY4" fmla="*/ 6151559 h 6151559"/>
              <a:gd name="connsiteX5" fmla="*/ 3075780 w 4854399"/>
              <a:gd name="connsiteY5" fmla="*/ 6151559 h 6151559"/>
              <a:gd name="connsiteX6" fmla="*/ 15880 w 4854399"/>
              <a:gd name="connsiteY6" fmla="*/ 3390260 h 6151559"/>
              <a:gd name="connsiteX7" fmla="*/ 0 w 4854399"/>
              <a:gd name="connsiteY7" fmla="*/ 3075780 h 6151559"/>
              <a:gd name="connsiteX8" fmla="*/ 15880 w 4854399"/>
              <a:gd name="connsiteY8" fmla="*/ 2761299 h 6151559"/>
              <a:gd name="connsiteX9" fmla="*/ 3075780 w 4854399"/>
              <a:gd name="connsiteY9" fmla="*/ 0 h 61515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4854399" h="6151559">
                <a:moveTo>
                  <a:pt x="0" y="3075780"/>
                </a:moveTo>
                <a:lnTo>
                  <a:pt x="0" y="3075780"/>
                </a:lnTo>
                <a:lnTo>
                  <a:pt x="0" y="3075779"/>
                </a:lnTo>
                <a:close/>
                <a:moveTo>
                  <a:pt x="4854399" y="0"/>
                </a:moveTo>
                <a:lnTo>
                  <a:pt x="4854399" y="6151559"/>
                </a:lnTo>
                <a:lnTo>
                  <a:pt x="3075780" y="6151559"/>
                </a:lnTo>
                <a:cubicBezTo>
                  <a:pt x="1483243" y="6151559"/>
                  <a:pt x="173391" y="4941240"/>
                  <a:pt x="15880" y="3390260"/>
                </a:cubicBezTo>
                <a:lnTo>
                  <a:pt x="0" y="3075780"/>
                </a:lnTo>
                <a:lnTo>
                  <a:pt x="15880" y="2761299"/>
                </a:lnTo>
                <a:cubicBezTo>
                  <a:pt x="173391" y="1210319"/>
                  <a:pt x="1483243" y="0"/>
                  <a:pt x="3075780" y="0"/>
                </a:cubicBez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C9E1798B-0B6E-3520-250D-935650EED4F9}"/>
              </a:ext>
            </a:extLst>
          </p:cNvPr>
          <p:cNvSpPr/>
          <p:nvPr/>
        </p:nvSpPr>
        <p:spPr bwMode="auto">
          <a:xfrm rot="16200000">
            <a:off x="7395528" y="2976361"/>
            <a:ext cx="2003599" cy="5759678"/>
          </a:xfrm>
          <a:custGeom>
            <a:avLst/>
            <a:gdLst>
              <a:gd name="connsiteX0" fmla="*/ 2003599 w 2003599"/>
              <a:gd name="connsiteY0" fmla="*/ 2879839 h 5759678"/>
              <a:gd name="connsiteX1" fmla="*/ 2003598 w 2003599"/>
              <a:gd name="connsiteY1" fmla="*/ 2879839 h 5759678"/>
              <a:gd name="connsiteX2" fmla="*/ 125050 w 2003599"/>
              <a:gd name="connsiteY2" fmla="*/ 5713909 h 5759678"/>
              <a:gd name="connsiteX3" fmla="*/ 0 w 2003599"/>
              <a:gd name="connsiteY3" fmla="*/ 5759678 h 5759678"/>
              <a:gd name="connsiteX4" fmla="*/ 0 w 2003599"/>
              <a:gd name="connsiteY4" fmla="*/ 0 h 5759678"/>
              <a:gd name="connsiteX5" fmla="*/ 125051 w 2003599"/>
              <a:gd name="connsiteY5" fmla="*/ 45769 h 5759678"/>
              <a:gd name="connsiteX6" fmla="*/ 2003599 w 2003599"/>
              <a:gd name="connsiteY6" fmla="*/ 2879839 h 575967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03599" h="5759678">
                <a:moveTo>
                  <a:pt x="2003599" y="2879839"/>
                </a:moveTo>
                <a:lnTo>
                  <a:pt x="2003598" y="2879839"/>
                </a:lnTo>
                <a:cubicBezTo>
                  <a:pt x="2003598" y="4153869"/>
                  <a:pt x="1228994" y="5246980"/>
                  <a:pt x="125050" y="5713909"/>
                </a:cubicBezTo>
                <a:lnTo>
                  <a:pt x="0" y="5759678"/>
                </a:lnTo>
                <a:lnTo>
                  <a:pt x="0" y="0"/>
                </a:lnTo>
                <a:lnTo>
                  <a:pt x="125051" y="45769"/>
                </a:lnTo>
                <a:cubicBezTo>
                  <a:pt x="1228995" y="512698"/>
                  <a:pt x="2003599" y="1605810"/>
                  <a:pt x="2003599" y="2879839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3" name="Dynamic legal" descr="{&quot;templafy&quot;:{&quot;id&quot;:&quot;78f1314f-0252-458b-8e4b-5762370f4e9a&quot;}}">
            <a:extLst>
              <a:ext uri="{FF2B5EF4-FFF2-40B4-BE49-F238E27FC236}">
                <a16:creationId xmlns:a16="http://schemas.microsoft.com/office/drawing/2014/main" id="{BEA53A0A-E543-76B6-4B2D-38A78BADE8ED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4" name="Dynamic Internal use only" descr="{&quot;templafy&quot;:{&quot;id&quot;:&quot;313443a3-aa62-47d6-9ff2-c07c4506112a&quot;}}" hidden="1" title="Form.Cigna_Confidentiality.Cigna_groupConfidentiality">
            <a:extLst>
              <a:ext uri="{FF2B5EF4-FFF2-40B4-BE49-F238E27FC236}">
                <a16:creationId xmlns:a16="http://schemas.microsoft.com/office/drawing/2014/main" id="{EF8D7839-F597-51B3-6422-DE4A039F3A11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E786E4C5-B03B-BD1A-26AB-C1BF46C9F1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6150746"/>
            <a:ext cx="910800" cy="3468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white">
          <a:xfrm>
            <a:off x="360000" y="360000"/>
            <a:ext cx="4676400" cy="5580000"/>
          </a:xfrm>
        </p:spPr>
        <p:txBody>
          <a:bodyPr lIns="0" tIns="0" rIns="0" bIns="0" anchor="ctr" anchorCtr="0"/>
          <a:lstStyle>
            <a:lvl1pPr algn="l">
              <a:lnSpc>
                <a:spcPct val="100000"/>
              </a:lnSpc>
              <a:defRPr sz="540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 userDrawn="1">
            <p:ph type="dt" sz="half" idx="10"/>
          </p:nvPr>
        </p:nvSpPr>
        <p:spPr bwMode="white"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48A01F2E-0547-4A72-883D-462BF4C058DC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 userDrawn="1"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 userDrawn="1"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7564358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8250D1CF-F738-79CB-3B8E-3F39377F1253}"/>
              </a:ext>
            </a:extLst>
          </p:cNvPr>
          <p:cNvSpPr/>
          <p:nvPr userDrawn="1"/>
        </p:nvSpPr>
        <p:spPr>
          <a:xfrm>
            <a:off x="6598311" y="0"/>
            <a:ext cx="5593689" cy="6858000"/>
          </a:xfrm>
          <a:custGeom>
            <a:avLst/>
            <a:gdLst>
              <a:gd name="connsiteX0" fmla="*/ 1029079 w 5593689"/>
              <a:gd name="connsiteY0" fmla="*/ 0 h 6858000"/>
              <a:gd name="connsiteX1" fmla="*/ 5593689 w 5593689"/>
              <a:gd name="connsiteY1" fmla="*/ 0 h 6858000"/>
              <a:gd name="connsiteX2" fmla="*/ 5593689 w 5593689"/>
              <a:gd name="connsiteY2" fmla="*/ 6858000 h 6858000"/>
              <a:gd name="connsiteX3" fmla="*/ 1030086 w 5593689"/>
              <a:gd name="connsiteY3" fmla="*/ 6858000 h 6858000"/>
              <a:gd name="connsiteX4" fmla="*/ 901649 w 5593689"/>
              <a:gd name="connsiteY4" fmla="*/ 6657659 h 6858000"/>
              <a:gd name="connsiteX5" fmla="*/ 0 w 5593689"/>
              <a:gd name="connsiteY5" fmla="*/ 3428214 h 6858000"/>
              <a:gd name="connsiteX6" fmla="*/ 901649 w 5593689"/>
              <a:gd name="connsiteY6" fmla="*/ 19877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5593689" h="6858000">
                <a:moveTo>
                  <a:pt x="1029079" y="0"/>
                </a:moveTo>
                <a:lnTo>
                  <a:pt x="5593689" y="0"/>
                </a:lnTo>
                <a:lnTo>
                  <a:pt x="5593689" y="6858000"/>
                </a:lnTo>
                <a:lnTo>
                  <a:pt x="1030086" y="6858000"/>
                </a:lnTo>
                <a:lnTo>
                  <a:pt x="901649" y="6657659"/>
                </a:lnTo>
                <a:cubicBezTo>
                  <a:pt x="329486" y="5716004"/>
                  <a:pt x="0" y="4610587"/>
                  <a:pt x="0" y="3428214"/>
                </a:cubicBezTo>
                <a:cubicBezTo>
                  <a:pt x="0" y="2245842"/>
                  <a:pt x="329486" y="1140425"/>
                  <a:pt x="901649" y="198770"/>
                </a:cubicBez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3" name="Dynamic legal" descr="{&quot;templafy&quot;:{&quot;id&quot;:&quot;7d176655-6a29-44d5-81d5-be840f334ff0&quot;}}">
            <a:extLst>
              <a:ext uri="{FF2B5EF4-FFF2-40B4-BE49-F238E27FC236}">
                <a16:creationId xmlns:a16="http://schemas.microsoft.com/office/drawing/2014/main" id="{EC260F23-5AAA-E86B-3F08-40A51C9573B1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4" name="Dynamic Internal use only" descr="{&quot;templafy&quot;:{&quot;id&quot;:&quot;11ce5716-d225-4f62-8626-3447339e9d7f&quot;}}" hidden="1" title="Form.Cigna_Confidentiality.Cigna_groupConfidentiality">
            <a:extLst>
              <a:ext uri="{FF2B5EF4-FFF2-40B4-BE49-F238E27FC236}">
                <a16:creationId xmlns:a16="http://schemas.microsoft.com/office/drawing/2014/main" id="{53889535-30D8-0BB0-6DEF-B2B17B0FAD73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E786E4C5-B03B-BD1A-26AB-C1BF46C9F1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6150746"/>
            <a:ext cx="910800" cy="3468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360000"/>
            <a:ext cx="5647100" cy="5580000"/>
          </a:xfrm>
        </p:spPr>
        <p:txBody>
          <a:bodyPr lIns="0" tIns="0" rIns="0" bIns="0" anchor="ctr" anchorCtr="0"/>
          <a:lstStyle>
            <a:lvl1pPr algn="l">
              <a:lnSpc>
                <a:spcPct val="100000"/>
              </a:lnSpc>
              <a:defRPr sz="540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D313A164-5305-4E9E-A83F-A1704A6A430D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35883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grpSp>
        <p:nvGrpSpPr>
          <p:cNvPr id="3" name="Group 4">
            <a:extLst>
              <a:ext uri="{FF2B5EF4-FFF2-40B4-BE49-F238E27FC236}">
                <a16:creationId xmlns:a16="http://schemas.microsoft.com/office/drawing/2014/main" id="{FAD68BCA-E5FD-6106-E686-CBDEB626D01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7019753" y="1030159"/>
            <a:ext cx="4451522" cy="4426086"/>
            <a:chOff x="3644" y="-865"/>
            <a:chExt cx="3500" cy="3480"/>
          </a:xfrm>
        </p:grpSpPr>
        <p:sp>
          <p:nvSpPr>
            <p:cNvPr id="4" name="Freeform 5">
              <a:extLst>
                <a:ext uri="{FF2B5EF4-FFF2-40B4-BE49-F238E27FC236}">
                  <a16:creationId xmlns:a16="http://schemas.microsoft.com/office/drawing/2014/main" id="{8C046DAA-DC6C-018A-6E2D-C0AC5EBBBC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261" y="-865"/>
              <a:ext cx="266" cy="508"/>
            </a:xfrm>
            <a:custGeom>
              <a:avLst/>
              <a:gdLst>
                <a:gd name="T0" fmla="*/ 190 w 353"/>
                <a:gd name="T1" fmla="*/ 664 h 674"/>
                <a:gd name="T2" fmla="*/ 176 w 353"/>
                <a:gd name="T3" fmla="*/ 674 h 674"/>
                <a:gd name="T4" fmla="*/ 162 w 353"/>
                <a:gd name="T5" fmla="*/ 664 h 674"/>
                <a:gd name="T6" fmla="*/ 3 w 353"/>
                <a:gd name="T7" fmla="*/ 334 h 674"/>
                <a:gd name="T8" fmla="*/ 164 w 353"/>
                <a:gd name="T9" fmla="*/ 9 h 674"/>
                <a:gd name="T10" fmla="*/ 177 w 353"/>
                <a:gd name="T11" fmla="*/ 0 h 674"/>
                <a:gd name="T12" fmla="*/ 190 w 353"/>
                <a:gd name="T13" fmla="*/ 9 h 674"/>
                <a:gd name="T14" fmla="*/ 350 w 353"/>
                <a:gd name="T15" fmla="*/ 328 h 674"/>
                <a:gd name="T16" fmla="*/ 190 w 353"/>
                <a:gd name="T17" fmla="*/ 664 h 67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353" h="674">
                  <a:moveTo>
                    <a:pt x="190" y="664"/>
                  </a:moveTo>
                  <a:cubicBezTo>
                    <a:pt x="176" y="674"/>
                    <a:pt x="176" y="674"/>
                    <a:pt x="176" y="674"/>
                  </a:cubicBezTo>
                  <a:cubicBezTo>
                    <a:pt x="162" y="664"/>
                    <a:pt x="162" y="664"/>
                    <a:pt x="162" y="664"/>
                  </a:cubicBezTo>
                  <a:cubicBezTo>
                    <a:pt x="58" y="590"/>
                    <a:pt x="0" y="469"/>
                    <a:pt x="3" y="334"/>
                  </a:cubicBezTo>
                  <a:cubicBezTo>
                    <a:pt x="6" y="201"/>
                    <a:pt x="68" y="76"/>
                    <a:pt x="164" y="9"/>
                  </a:cubicBezTo>
                  <a:cubicBezTo>
                    <a:pt x="177" y="0"/>
                    <a:pt x="177" y="0"/>
                    <a:pt x="177" y="0"/>
                  </a:cubicBezTo>
                  <a:cubicBezTo>
                    <a:pt x="190" y="9"/>
                    <a:pt x="190" y="9"/>
                    <a:pt x="190" y="9"/>
                  </a:cubicBezTo>
                  <a:cubicBezTo>
                    <a:pt x="287" y="72"/>
                    <a:pt x="348" y="195"/>
                    <a:pt x="350" y="328"/>
                  </a:cubicBezTo>
                  <a:cubicBezTo>
                    <a:pt x="353" y="463"/>
                    <a:pt x="294" y="586"/>
                    <a:pt x="190" y="664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8" name="Freeform 6">
              <a:extLst>
                <a:ext uri="{FF2B5EF4-FFF2-40B4-BE49-F238E27FC236}">
                  <a16:creationId xmlns:a16="http://schemas.microsoft.com/office/drawing/2014/main" id="{2BEFA4FB-C7C1-D673-C168-ACF17511877A}"/>
                </a:ext>
              </a:extLst>
            </p:cNvPr>
            <p:cNvSpPr>
              <a:spLocks/>
            </p:cNvSpPr>
            <p:nvPr/>
          </p:nvSpPr>
          <p:spPr bwMode="auto">
            <a:xfrm>
              <a:off x="5261" y="2107"/>
              <a:ext cx="266" cy="508"/>
            </a:xfrm>
            <a:custGeom>
              <a:avLst/>
              <a:gdLst>
                <a:gd name="T0" fmla="*/ 190 w 353"/>
                <a:gd name="T1" fmla="*/ 663 h 674"/>
                <a:gd name="T2" fmla="*/ 176 w 353"/>
                <a:gd name="T3" fmla="*/ 674 h 674"/>
                <a:gd name="T4" fmla="*/ 162 w 353"/>
                <a:gd name="T5" fmla="*/ 664 h 674"/>
                <a:gd name="T6" fmla="*/ 3 w 353"/>
                <a:gd name="T7" fmla="*/ 333 h 674"/>
                <a:gd name="T8" fmla="*/ 164 w 353"/>
                <a:gd name="T9" fmla="*/ 9 h 674"/>
                <a:gd name="T10" fmla="*/ 177 w 353"/>
                <a:gd name="T11" fmla="*/ 0 h 674"/>
                <a:gd name="T12" fmla="*/ 190 w 353"/>
                <a:gd name="T13" fmla="*/ 8 h 674"/>
                <a:gd name="T14" fmla="*/ 350 w 353"/>
                <a:gd name="T15" fmla="*/ 327 h 674"/>
                <a:gd name="T16" fmla="*/ 190 w 353"/>
                <a:gd name="T17" fmla="*/ 663 h 67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353" h="674">
                  <a:moveTo>
                    <a:pt x="190" y="663"/>
                  </a:moveTo>
                  <a:cubicBezTo>
                    <a:pt x="176" y="674"/>
                    <a:pt x="176" y="674"/>
                    <a:pt x="176" y="674"/>
                  </a:cubicBezTo>
                  <a:cubicBezTo>
                    <a:pt x="162" y="664"/>
                    <a:pt x="162" y="664"/>
                    <a:pt x="162" y="664"/>
                  </a:cubicBezTo>
                  <a:cubicBezTo>
                    <a:pt x="58" y="589"/>
                    <a:pt x="0" y="469"/>
                    <a:pt x="3" y="333"/>
                  </a:cubicBezTo>
                  <a:cubicBezTo>
                    <a:pt x="6" y="200"/>
                    <a:pt x="68" y="76"/>
                    <a:pt x="164" y="9"/>
                  </a:cubicBezTo>
                  <a:cubicBezTo>
                    <a:pt x="177" y="0"/>
                    <a:pt x="177" y="0"/>
                    <a:pt x="177" y="0"/>
                  </a:cubicBezTo>
                  <a:cubicBezTo>
                    <a:pt x="190" y="8"/>
                    <a:pt x="190" y="8"/>
                    <a:pt x="190" y="8"/>
                  </a:cubicBezTo>
                  <a:cubicBezTo>
                    <a:pt x="287" y="72"/>
                    <a:pt x="348" y="194"/>
                    <a:pt x="350" y="327"/>
                  </a:cubicBezTo>
                  <a:cubicBezTo>
                    <a:pt x="353" y="463"/>
                    <a:pt x="294" y="585"/>
                    <a:pt x="190" y="663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0" name="Freeform 7">
              <a:extLst>
                <a:ext uri="{FF2B5EF4-FFF2-40B4-BE49-F238E27FC236}">
                  <a16:creationId xmlns:a16="http://schemas.microsoft.com/office/drawing/2014/main" id="{50AE534A-5D93-6B30-2A77-6A72983F9576}"/>
                </a:ext>
              </a:extLst>
            </p:cNvPr>
            <p:cNvSpPr>
              <a:spLocks/>
            </p:cNvSpPr>
            <p:nvPr/>
          </p:nvSpPr>
          <p:spPr bwMode="auto">
            <a:xfrm>
              <a:off x="3644" y="744"/>
              <a:ext cx="511" cy="263"/>
            </a:xfrm>
            <a:custGeom>
              <a:avLst/>
              <a:gdLst>
                <a:gd name="T0" fmla="*/ 668 w 678"/>
                <a:gd name="T1" fmla="*/ 161 h 350"/>
                <a:gd name="T2" fmla="*/ 678 w 678"/>
                <a:gd name="T3" fmla="*/ 175 h 350"/>
                <a:gd name="T4" fmla="*/ 668 w 678"/>
                <a:gd name="T5" fmla="*/ 189 h 350"/>
                <a:gd name="T6" fmla="*/ 336 w 678"/>
                <a:gd name="T7" fmla="*/ 347 h 350"/>
                <a:gd name="T8" fmla="*/ 9 w 678"/>
                <a:gd name="T9" fmla="*/ 187 h 350"/>
                <a:gd name="T10" fmla="*/ 0 w 678"/>
                <a:gd name="T11" fmla="*/ 174 h 350"/>
                <a:gd name="T12" fmla="*/ 8 w 678"/>
                <a:gd name="T13" fmla="*/ 161 h 350"/>
                <a:gd name="T14" fmla="*/ 329 w 678"/>
                <a:gd name="T15" fmla="*/ 2 h 350"/>
                <a:gd name="T16" fmla="*/ 668 w 678"/>
                <a:gd name="T17" fmla="*/ 161 h 3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78" h="350">
                  <a:moveTo>
                    <a:pt x="668" y="161"/>
                  </a:moveTo>
                  <a:cubicBezTo>
                    <a:pt x="678" y="175"/>
                    <a:pt x="678" y="175"/>
                    <a:pt x="678" y="175"/>
                  </a:cubicBezTo>
                  <a:cubicBezTo>
                    <a:pt x="668" y="189"/>
                    <a:pt x="668" y="189"/>
                    <a:pt x="668" y="189"/>
                  </a:cubicBezTo>
                  <a:cubicBezTo>
                    <a:pt x="593" y="292"/>
                    <a:pt x="472" y="350"/>
                    <a:pt x="336" y="347"/>
                  </a:cubicBezTo>
                  <a:cubicBezTo>
                    <a:pt x="202" y="344"/>
                    <a:pt x="77" y="283"/>
                    <a:pt x="9" y="187"/>
                  </a:cubicBezTo>
                  <a:cubicBezTo>
                    <a:pt x="0" y="174"/>
                    <a:pt x="0" y="174"/>
                    <a:pt x="0" y="174"/>
                  </a:cubicBezTo>
                  <a:cubicBezTo>
                    <a:pt x="8" y="161"/>
                    <a:pt x="8" y="161"/>
                    <a:pt x="8" y="161"/>
                  </a:cubicBezTo>
                  <a:cubicBezTo>
                    <a:pt x="73" y="65"/>
                    <a:pt x="195" y="4"/>
                    <a:pt x="329" y="2"/>
                  </a:cubicBezTo>
                  <a:cubicBezTo>
                    <a:pt x="465" y="0"/>
                    <a:pt x="589" y="58"/>
                    <a:pt x="668" y="161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1" name="Freeform 8">
              <a:extLst>
                <a:ext uri="{FF2B5EF4-FFF2-40B4-BE49-F238E27FC236}">
                  <a16:creationId xmlns:a16="http://schemas.microsoft.com/office/drawing/2014/main" id="{AEF2BBC9-34A1-29D3-53EB-EDAFA379283A}"/>
                </a:ext>
              </a:extLst>
            </p:cNvPr>
            <p:cNvSpPr>
              <a:spLocks/>
            </p:cNvSpPr>
            <p:nvPr/>
          </p:nvSpPr>
          <p:spPr bwMode="auto">
            <a:xfrm>
              <a:off x="6632" y="744"/>
              <a:ext cx="512" cy="263"/>
            </a:xfrm>
            <a:custGeom>
              <a:avLst/>
              <a:gdLst>
                <a:gd name="T0" fmla="*/ 668 w 679"/>
                <a:gd name="T1" fmla="*/ 161 h 350"/>
                <a:gd name="T2" fmla="*/ 679 w 679"/>
                <a:gd name="T3" fmla="*/ 175 h 350"/>
                <a:gd name="T4" fmla="*/ 669 w 679"/>
                <a:gd name="T5" fmla="*/ 189 h 350"/>
                <a:gd name="T6" fmla="*/ 336 w 679"/>
                <a:gd name="T7" fmla="*/ 347 h 350"/>
                <a:gd name="T8" fmla="*/ 10 w 679"/>
                <a:gd name="T9" fmla="*/ 187 h 350"/>
                <a:gd name="T10" fmla="*/ 0 w 679"/>
                <a:gd name="T11" fmla="*/ 174 h 350"/>
                <a:gd name="T12" fmla="*/ 9 w 679"/>
                <a:gd name="T13" fmla="*/ 161 h 350"/>
                <a:gd name="T14" fmla="*/ 330 w 679"/>
                <a:gd name="T15" fmla="*/ 2 h 350"/>
                <a:gd name="T16" fmla="*/ 668 w 679"/>
                <a:gd name="T17" fmla="*/ 161 h 3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79" h="350">
                  <a:moveTo>
                    <a:pt x="668" y="161"/>
                  </a:moveTo>
                  <a:cubicBezTo>
                    <a:pt x="679" y="175"/>
                    <a:pt x="679" y="175"/>
                    <a:pt x="679" y="175"/>
                  </a:cubicBezTo>
                  <a:cubicBezTo>
                    <a:pt x="669" y="189"/>
                    <a:pt x="669" y="189"/>
                    <a:pt x="669" y="189"/>
                  </a:cubicBezTo>
                  <a:cubicBezTo>
                    <a:pt x="594" y="292"/>
                    <a:pt x="473" y="350"/>
                    <a:pt x="336" y="347"/>
                  </a:cubicBezTo>
                  <a:cubicBezTo>
                    <a:pt x="202" y="344"/>
                    <a:pt x="77" y="283"/>
                    <a:pt x="10" y="187"/>
                  </a:cubicBezTo>
                  <a:cubicBezTo>
                    <a:pt x="0" y="174"/>
                    <a:pt x="0" y="174"/>
                    <a:pt x="0" y="174"/>
                  </a:cubicBezTo>
                  <a:cubicBezTo>
                    <a:pt x="9" y="161"/>
                    <a:pt x="9" y="161"/>
                    <a:pt x="9" y="161"/>
                  </a:cubicBezTo>
                  <a:cubicBezTo>
                    <a:pt x="73" y="65"/>
                    <a:pt x="196" y="4"/>
                    <a:pt x="330" y="2"/>
                  </a:cubicBezTo>
                  <a:cubicBezTo>
                    <a:pt x="466" y="0"/>
                    <a:pt x="589" y="58"/>
                    <a:pt x="668" y="161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2" name="Freeform 9">
              <a:extLst>
                <a:ext uri="{FF2B5EF4-FFF2-40B4-BE49-F238E27FC236}">
                  <a16:creationId xmlns:a16="http://schemas.microsoft.com/office/drawing/2014/main" id="{E957202C-D1FC-56F8-4AE3-463CA72D02FA}"/>
                </a:ext>
              </a:extLst>
            </p:cNvPr>
            <p:cNvSpPr>
              <a:spLocks/>
            </p:cNvSpPr>
            <p:nvPr/>
          </p:nvSpPr>
          <p:spPr bwMode="auto">
            <a:xfrm>
              <a:off x="4140" y="-375"/>
              <a:ext cx="393" cy="397"/>
            </a:xfrm>
            <a:custGeom>
              <a:avLst/>
              <a:gdLst>
                <a:gd name="T0" fmla="*/ 504 w 522"/>
                <a:gd name="T1" fmla="*/ 486 h 526"/>
                <a:gd name="T2" fmla="*/ 502 w 522"/>
                <a:gd name="T3" fmla="*/ 503 h 526"/>
                <a:gd name="T4" fmla="*/ 485 w 522"/>
                <a:gd name="T5" fmla="*/ 506 h 526"/>
                <a:gd name="T6" fmla="*/ 137 w 522"/>
                <a:gd name="T7" fmla="*/ 384 h 526"/>
                <a:gd name="T8" fmla="*/ 20 w 522"/>
                <a:gd name="T9" fmla="*/ 41 h 526"/>
                <a:gd name="T10" fmla="*/ 23 w 522"/>
                <a:gd name="T11" fmla="*/ 25 h 526"/>
                <a:gd name="T12" fmla="*/ 38 w 522"/>
                <a:gd name="T13" fmla="*/ 22 h 526"/>
                <a:gd name="T14" fmla="*/ 378 w 522"/>
                <a:gd name="T15" fmla="*/ 135 h 526"/>
                <a:gd name="T16" fmla="*/ 504 w 522"/>
                <a:gd name="T17" fmla="*/ 486 h 5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2" h="526">
                  <a:moveTo>
                    <a:pt x="504" y="486"/>
                  </a:moveTo>
                  <a:cubicBezTo>
                    <a:pt x="502" y="503"/>
                    <a:pt x="502" y="503"/>
                    <a:pt x="502" y="503"/>
                  </a:cubicBezTo>
                  <a:cubicBezTo>
                    <a:pt x="485" y="506"/>
                    <a:pt x="485" y="506"/>
                    <a:pt x="485" y="506"/>
                  </a:cubicBezTo>
                  <a:cubicBezTo>
                    <a:pt x="358" y="526"/>
                    <a:pt x="232" y="482"/>
                    <a:pt x="137" y="384"/>
                  </a:cubicBezTo>
                  <a:cubicBezTo>
                    <a:pt x="45" y="288"/>
                    <a:pt x="0" y="157"/>
                    <a:pt x="20" y="41"/>
                  </a:cubicBezTo>
                  <a:cubicBezTo>
                    <a:pt x="23" y="25"/>
                    <a:pt x="23" y="25"/>
                    <a:pt x="23" y="25"/>
                  </a:cubicBezTo>
                  <a:cubicBezTo>
                    <a:pt x="38" y="22"/>
                    <a:pt x="38" y="22"/>
                    <a:pt x="38" y="22"/>
                  </a:cubicBezTo>
                  <a:cubicBezTo>
                    <a:pt x="152" y="0"/>
                    <a:pt x="282" y="43"/>
                    <a:pt x="378" y="135"/>
                  </a:cubicBezTo>
                  <a:cubicBezTo>
                    <a:pt x="476" y="230"/>
                    <a:pt x="522" y="357"/>
                    <a:pt x="504" y="486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4" name="Freeform 10">
              <a:extLst>
                <a:ext uri="{FF2B5EF4-FFF2-40B4-BE49-F238E27FC236}">
                  <a16:creationId xmlns:a16="http://schemas.microsoft.com/office/drawing/2014/main" id="{20DAAF43-6B04-C459-A1FF-CF86AE328939}"/>
                </a:ext>
              </a:extLst>
            </p:cNvPr>
            <p:cNvSpPr>
              <a:spLocks/>
            </p:cNvSpPr>
            <p:nvPr/>
          </p:nvSpPr>
          <p:spPr bwMode="auto">
            <a:xfrm>
              <a:off x="6252" y="1726"/>
              <a:ext cx="394" cy="397"/>
            </a:xfrm>
            <a:custGeom>
              <a:avLst/>
              <a:gdLst>
                <a:gd name="T0" fmla="*/ 505 w 523"/>
                <a:gd name="T1" fmla="*/ 486 h 527"/>
                <a:gd name="T2" fmla="*/ 502 w 523"/>
                <a:gd name="T3" fmla="*/ 504 h 527"/>
                <a:gd name="T4" fmla="*/ 486 w 523"/>
                <a:gd name="T5" fmla="*/ 506 h 527"/>
                <a:gd name="T6" fmla="*/ 138 w 523"/>
                <a:gd name="T7" fmla="*/ 384 h 527"/>
                <a:gd name="T8" fmla="*/ 21 w 523"/>
                <a:gd name="T9" fmla="*/ 41 h 527"/>
                <a:gd name="T10" fmla="*/ 24 w 523"/>
                <a:gd name="T11" fmla="*/ 26 h 527"/>
                <a:gd name="T12" fmla="*/ 39 w 523"/>
                <a:gd name="T13" fmla="*/ 23 h 527"/>
                <a:gd name="T14" fmla="*/ 379 w 523"/>
                <a:gd name="T15" fmla="*/ 136 h 527"/>
                <a:gd name="T16" fmla="*/ 505 w 523"/>
                <a:gd name="T17" fmla="*/ 486 h 5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3" h="527">
                  <a:moveTo>
                    <a:pt x="505" y="486"/>
                  </a:moveTo>
                  <a:cubicBezTo>
                    <a:pt x="502" y="504"/>
                    <a:pt x="502" y="504"/>
                    <a:pt x="502" y="504"/>
                  </a:cubicBezTo>
                  <a:cubicBezTo>
                    <a:pt x="486" y="506"/>
                    <a:pt x="486" y="506"/>
                    <a:pt x="486" y="506"/>
                  </a:cubicBezTo>
                  <a:cubicBezTo>
                    <a:pt x="359" y="527"/>
                    <a:pt x="232" y="482"/>
                    <a:pt x="138" y="384"/>
                  </a:cubicBezTo>
                  <a:cubicBezTo>
                    <a:pt x="45" y="288"/>
                    <a:pt x="0" y="157"/>
                    <a:pt x="21" y="41"/>
                  </a:cubicBezTo>
                  <a:cubicBezTo>
                    <a:pt x="24" y="26"/>
                    <a:pt x="24" y="26"/>
                    <a:pt x="24" y="26"/>
                  </a:cubicBezTo>
                  <a:cubicBezTo>
                    <a:pt x="39" y="23"/>
                    <a:pt x="39" y="23"/>
                    <a:pt x="39" y="23"/>
                  </a:cubicBezTo>
                  <a:cubicBezTo>
                    <a:pt x="153" y="0"/>
                    <a:pt x="283" y="43"/>
                    <a:pt x="379" y="136"/>
                  </a:cubicBezTo>
                  <a:cubicBezTo>
                    <a:pt x="477" y="230"/>
                    <a:pt x="523" y="358"/>
                    <a:pt x="505" y="486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5" name="Freeform 11">
              <a:extLst>
                <a:ext uri="{FF2B5EF4-FFF2-40B4-BE49-F238E27FC236}">
                  <a16:creationId xmlns:a16="http://schemas.microsoft.com/office/drawing/2014/main" id="{D91E5A2F-80C4-DCE4-7CFB-74C1AE4C4CF4}"/>
                </a:ext>
              </a:extLst>
            </p:cNvPr>
            <p:cNvSpPr>
              <a:spLocks/>
            </p:cNvSpPr>
            <p:nvPr/>
          </p:nvSpPr>
          <p:spPr bwMode="auto">
            <a:xfrm>
              <a:off x="4137" y="1730"/>
              <a:ext cx="399" cy="393"/>
            </a:xfrm>
            <a:custGeom>
              <a:avLst/>
              <a:gdLst>
                <a:gd name="T0" fmla="*/ 489 w 530"/>
                <a:gd name="T1" fmla="*/ 18 h 520"/>
                <a:gd name="T2" fmla="*/ 507 w 530"/>
                <a:gd name="T3" fmla="*/ 21 h 520"/>
                <a:gd name="T4" fmla="*/ 509 w 530"/>
                <a:gd name="T5" fmla="*/ 37 h 520"/>
                <a:gd name="T6" fmla="*/ 387 w 530"/>
                <a:gd name="T7" fmla="*/ 383 h 520"/>
                <a:gd name="T8" fmla="*/ 42 w 530"/>
                <a:gd name="T9" fmla="*/ 499 h 520"/>
                <a:gd name="T10" fmla="*/ 26 w 530"/>
                <a:gd name="T11" fmla="*/ 497 h 520"/>
                <a:gd name="T12" fmla="*/ 23 w 530"/>
                <a:gd name="T13" fmla="*/ 481 h 520"/>
                <a:gd name="T14" fmla="*/ 137 w 530"/>
                <a:gd name="T15" fmla="*/ 143 h 520"/>
                <a:gd name="T16" fmla="*/ 489 w 530"/>
                <a:gd name="T17" fmla="*/ 18 h 5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30" h="520">
                  <a:moveTo>
                    <a:pt x="489" y="18"/>
                  </a:moveTo>
                  <a:cubicBezTo>
                    <a:pt x="507" y="21"/>
                    <a:pt x="507" y="21"/>
                    <a:pt x="507" y="21"/>
                  </a:cubicBezTo>
                  <a:cubicBezTo>
                    <a:pt x="509" y="37"/>
                    <a:pt x="509" y="37"/>
                    <a:pt x="509" y="37"/>
                  </a:cubicBezTo>
                  <a:cubicBezTo>
                    <a:pt x="530" y="163"/>
                    <a:pt x="485" y="289"/>
                    <a:pt x="387" y="383"/>
                  </a:cubicBezTo>
                  <a:cubicBezTo>
                    <a:pt x="290" y="475"/>
                    <a:pt x="158" y="520"/>
                    <a:pt x="42" y="499"/>
                  </a:cubicBezTo>
                  <a:cubicBezTo>
                    <a:pt x="26" y="497"/>
                    <a:pt x="26" y="497"/>
                    <a:pt x="26" y="497"/>
                  </a:cubicBezTo>
                  <a:cubicBezTo>
                    <a:pt x="23" y="481"/>
                    <a:pt x="23" y="481"/>
                    <a:pt x="23" y="481"/>
                  </a:cubicBezTo>
                  <a:cubicBezTo>
                    <a:pt x="0" y="368"/>
                    <a:pt x="44" y="239"/>
                    <a:pt x="137" y="143"/>
                  </a:cubicBezTo>
                  <a:cubicBezTo>
                    <a:pt x="231" y="46"/>
                    <a:pt x="360" y="0"/>
                    <a:pt x="489" y="18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6" name="Freeform 12">
              <a:extLst>
                <a:ext uri="{FF2B5EF4-FFF2-40B4-BE49-F238E27FC236}">
                  <a16:creationId xmlns:a16="http://schemas.microsoft.com/office/drawing/2014/main" id="{62E062FB-8062-68A1-7A11-6EB783257EF6}"/>
                </a:ext>
              </a:extLst>
            </p:cNvPr>
            <p:cNvSpPr>
              <a:spLocks/>
            </p:cNvSpPr>
            <p:nvPr/>
          </p:nvSpPr>
          <p:spPr bwMode="auto">
            <a:xfrm>
              <a:off x="6250" y="-370"/>
              <a:ext cx="399" cy="391"/>
            </a:xfrm>
            <a:custGeom>
              <a:avLst/>
              <a:gdLst>
                <a:gd name="T0" fmla="*/ 489 w 530"/>
                <a:gd name="T1" fmla="*/ 18 h 519"/>
                <a:gd name="T2" fmla="*/ 506 w 530"/>
                <a:gd name="T3" fmla="*/ 20 h 519"/>
                <a:gd name="T4" fmla="*/ 509 w 530"/>
                <a:gd name="T5" fmla="*/ 37 h 519"/>
                <a:gd name="T6" fmla="*/ 387 w 530"/>
                <a:gd name="T7" fmla="*/ 383 h 519"/>
                <a:gd name="T8" fmla="*/ 41 w 530"/>
                <a:gd name="T9" fmla="*/ 499 h 519"/>
                <a:gd name="T10" fmla="*/ 26 w 530"/>
                <a:gd name="T11" fmla="*/ 496 h 519"/>
                <a:gd name="T12" fmla="*/ 23 w 530"/>
                <a:gd name="T13" fmla="*/ 481 h 519"/>
                <a:gd name="T14" fmla="*/ 136 w 530"/>
                <a:gd name="T15" fmla="*/ 143 h 519"/>
                <a:gd name="T16" fmla="*/ 489 w 530"/>
                <a:gd name="T17" fmla="*/ 18 h 5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30" h="519">
                  <a:moveTo>
                    <a:pt x="489" y="18"/>
                  </a:moveTo>
                  <a:cubicBezTo>
                    <a:pt x="506" y="20"/>
                    <a:pt x="506" y="20"/>
                    <a:pt x="506" y="20"/>
                  </a:cubicBezTo>
                  <a:cubicBezTo>
                    <a:pt x="509" y="37"/>
                    <a:pt x="509" y="37"/>
                    <a:pt x="509" y="37"/>
                  </a:cubicBezTo>
                  <a:cubicBezTo>
                    <a:pt x="530" y="163"/>
                    <a:pt x="485" y="289"/>
                    <a:pt x="387" y="383"/>
                  </a:cubicBezTo>
                  <a:cubicBezTo>
                    <a:pt x="290" y="475"/>
                    <a:pt x="158" y="519"/>
                    <a:pt x="41" y="499"/>
                  </a:cubicBezTo>
                  <a:cubicBezTo>
                    <a:pt x="26" y="496"/>
                    <a:pt x="26" y="496"/>
                    <a:pt x="26" y="496"/>
                  </a:cubicBezTo>
                  <a:cubicBezTo>
                    <a:pt x="23" y="481"/>
                    <a:pt x="23" y="481"/>
                    <a:pt x="23" y="481"/>
                  </a:cubicBezTo>
                  <a:cubicBezTo>
                    <a:pt x="0" y="368"/>
                    <a:pt x="43" y="239"/>
                    <a:pt x="136" y="143"/>
                  </a:cubicBezTo>
                  <a:cubicBezTo>
                    <a:pt x="231" y="46"/>
                    <a:pt x="360" y="0"/>
                    <a:pt x="489" y="18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7" name="Freeform 13">
              <a:extLst>
                <a:ext uri="{FF2B5EF4-FFF2-40B4-BE49-F238E27FC236}">
                  <a16:creationId xmlns:a16="http://schemas.microsoft.com/office/drawing/2014/main" id="{B599710F-87BF-FEDF-B63E-7EA43425C529}"/>
                </a:ext>
              </a:extLst>
            </p:cNvPr>
            <p:cNvSpPr>
              <a:spLocks/>
            </p:cNvSpPr>
            <p:nvPr/>
          </p:nvSpPr>
          <p:spPr bwMode="auto">
            <a:xfrm>
              <a:off x="5814" y="-728"/>
              <a:ext cx="323" cy="469"/>
            </a:xfrm>
            <a:custGeom>
              <a:avLst/>
              <a:gdLst>
                <a:gd name="T0" fmla="*/ 99 w 428"/>
                <a:gd name="T1" fmla="*/ 617 h 621"/>
                <a:gd name="T2" fmla="*/ 82 w 428"/>
                <a:gd name="T3" fmla="*/ 621 h 621"/>
                <a:gd name="T4" fmla="*/ 73 w 428"/>
                <a:gd name="T5" fmla="*/ 607 h 621"/>
                <a:gd name="T6" fmla="*/ 56 w 428"/>
                <a:gd name="T7" fmla="*/ 241 h 621"/>
                <a:gd name="T8" fmla="*/ 332 w 428"/>
                <a:gd name="T9" fmla="*/ 4 h 621"/>
                <a:gd name="T10" fmla="*/ 347 w 428"/>
                <a:gd name="T11" fmla="*/ 0 h 621"/>
                <a:gd name="T12" fmla="*/ 356 w 428"/>
                <a:gd name="T13" fmla="*/ 13 h 621"/>
                <a:gd name="T14" fmla="*/ 378 w 428"/>
                <a:gd name="T15" fmla="*/ 369 h 621"/>
                <a:gd name="T16" fmla="*/ 99 w 428"/>
                <a:gd name="T17" fmla="*/ 617 h 6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428" h="621">
                  <a:moveTo>
                    <a:pt x="99" y="617"/>
                  </a:moveTo>
                  <a:cubicBezTo>
                    <a:pt x="82" y="621"/>
                    <a:pt x="82" y="621"/>
                    <a:pt x="82" y="621"/>
                  </a:cubicBezTo>
                  <a:cubicBezTo>
                    <a:pt x="73" y="607"/>
                    <a:pt x="73" y="607"/>
                    <a:pt x="73" y="607"/>
                  </a:cubicBezTo>
                  <a:cubicBezTo>
                    <a:pt x="6" y="498"/>
                    <a:pt x="0" y="364"/>
                    <a:pt x="56" y="241"/>
                  </a:cubicBezTo>
                  <a:cubicBezTo>
                    <a:pt x="111" y="119"/>
                    <a:pt x="216" y="28"/>
                    <a:pt x="332" y="4"/>
                  </a:cubicBezTo>
                  <a:cubicBezTo>
                    <a:pt x="347" y="0"/>
                    <a:pt x="347" y="0"/>
                    <a:pt x="347" y="0"/>
                  </a:cubicBezTo>
                  <a:cubicBezTo>
                    <a:pt x="356" y="13"/>
                    <a:pt x="356" y="13"/>
                    <a:pt x="356" y="13"/>
                  </a:cubicBezTo>
                  <a:cubicBezTo>
                    <a:pt x="420" y="110"/>
                    <a:pt x="428" y="246"/>
                    <a:pt x="378" y="369"/>
                  </a:cubicBezTo>
                  <a:cubicBezTo>
                    <a:pt x="327" y="495"/>
                    <a:pt x="225" y="585"/>
                    <a:pt x="99" y="617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8" name="Freeform 14">
              <a:extLst>
                <a:ext uri="{FF2B5EF4-FFF2-40B4-BE49-F238E27FC236}">
                  <a16:creationId xmlns:a16="http://schemas.microsoft.com/office/drawing/2014/main" id="{E659FFDA-41C3-9D75-1AF5-AA53684B97D0}"/>
                </a:ext>
              </a:extLst>
            </p:cNvPr>
            <p:cNvSpPr>
              <a:spLocks/>
            </p:cNvSpPr>
            <p:nvPr/>
          </p:nvSpPr>
          <p:spPr bwMode="auto">
            <a:xfrm>
              <a:off x="4650" y="2009"/>
              <a:ext cx="323" cy="468"/>
            </a:xfrm>
            <a:custGeom>
              <a:avLst/>
              <a:gdLst>
                <a:gd name="T0" fmla="*/ 99 w 429"/>
                <a:gd name="T1" fmla="*/ 616 h 620"/>
                <a:gd name="T2" fmla="*/ 82 w 429"/>
                <a:gd name="T3" fmla="*/ 620 h 620"/>
                <a:gd name="T4" fmla="*/ 73 w 429"/>
                <a:gd name="T5" fmla="*/ 606 h 620"/>
                <a:gd name="T6" fmla="*/ 56 w 429"/>
                <a:gd name="T7" fmla="*/ 240 h 620"/>
                <a:gd name="T8" fmla="*/ 332 w 429"/>
                <a:gd name="T9" fmla="*/ 3 h 620"/>
                <a:gd name="T10" fmla="*/ 348 w 429"/>
                <a:gd name="T11" fmla="*/ 0 h 620"/>
                <a:gd name="T12" fmla="*/ 356 w 429"/>
                <a:gd name="T13" fmla="*/ 13 h 620"/>
                <a:gd name="T14" fmla="*/ 379 w 429"/>
                <a:gd name="T15" fmla="*/ 369 h 620"/>
                <a:gd name="T16" fmla="*/ 99 w 429"/>
                <a:gd name="T17" fmla="*/ 616 h 6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429" h="620">
                  <a:moveTo>
                    <a:pt x="99" y="616"/>
                  </a:moveTo>
                  <a:cubicBezTo>
                    <a:pt x="82" y="620"/>
                    <a:pt x="82" y="620"/>
                    <a:pt x="82" y="620"/>
                  </a:cubicBezTo>
                  <a:cubicBezTo>
                    <a:pt x="73" y="606"/>
                    <a:pt x="73" y="606"/>
                    <a:pt x="73" y="606"/>
                  </a:cubicBezTo>
                  <a:cubicBezTo>
                    <a:pt x="7" y="497"/>
                    <a:pt x="0" y="364"/>
                    <a:pt x="56" y="240"/>
                  </a:cubicBezTo>
                  <a:cubicBezTo>
                    <a:pt x="111" y="118"/>
                    <a:pt x="216" y="28"/>
                    <a:pt x="332" y="3"/>
                  </a:cubicBezTo>
                  <a:cubicBezTo>
                    <a:pt x="348" y="0"/>
                    <a:pt x="348" y="0"/>
                    <a:pt x="348" y="0"/>
                  </a:cubicBezTo>
                  <a:cubicBezTo>
                    <a:pt x="356" y="13"/>
                    <a:pt x="356" y="13"/>
                    <a:pt x="356" y="13"/>
                  </a:cubicBezTo>
                  <a:cubicBezTo>
                    <a:pt x="420" y="109"/>
                    <a:pt x="429" y="245"/>
                    <a:pt x="379" y="369"/>
                  </a:cubicBezTo>
                  <a:cubicBezTo>
                    <a:pt x="328" y="494"/>
                    <a:pt x="226" y="584"/>
                    <a:pt x="99" y="616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9" name="Freeform 15">
              <a:extLst>
                <a:ext uri="{FF2B5EF4-FFF2-40B4-BE49-F238E27FC236}">
                  <a16:creationId xmlns:a16="http://schemas.microsoft.com/office/drawing/2014/main" id="{18218A3C-E65A-222B-E218-05BBA3C61D9D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2" y="137"/>
              <a:ext cx="471" cy="320"/>
            </a:xfrm>
            <a:custGeom>
              <a:avLst/>
              <a:gdLst>
                <a:gd name="T0" fmla="*/ 620 w 624"/>
                <a:gd name="T1" fmla="*/ 327 h 425"/>
                <a:gd name="T2" fmla="*/ 624 w 624"/>
                <a:gd name="T3" fmla="*/ 344 h 425"/>
                <a:gd name="T4" fmla="*/ 610 w 624"/>
                <a:gd name="T5" fmla="*/ 353 h 425"/>
                <a:gd name="T6" fmla="*/ 242 w 624"/>
                <a:gd name="T7" fmla="*/ 370 h 425"/>
                <a:gd name="T8" fmla="*/ 4 w 624"/>
                <a:gd name="T9" fmla="*/ 96 h 425"/>
                <a:gd name="T10" fmla="*/ 0 w 624"/>
                <a:gd name="T11" fmla="*/ 80 h 425"/>
                <a:gd name="T12" fmla="*/ 13 w 624"/>
                <a:gd name="T13" fmla="*/ 72 h 425"/>
                <a:gd name="T14" fmla="*/ 371 w 624"/>
                <a:gd name="T15" fmla="*/ 49 h 425"/>
                <a:gd name="T16" fmla="*/ 620 w 624"/>
                <a:gd name="T17" fmla="*/ 327 h 4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24" h="425">
                  <a:moveTo>
                    <a:pt x="620" y="327"/>
                  </a:moveTo>
                  <a:cubicBezTo>
                    <a:pt x="624" y="344"/>
                    <a:pt x="624" y="344"/>
                    <a:pt x="624" y="344"/>
                  </a:cubicBezTo>
                  <a:cubicBezTo>
                    <a:pt x="610" y="353"/>
                    <a:pt x="610" y="353"/>
                    <a:pt x="610" y="353"/>
                  </a:cubicBezTo>
                  <a:cubicBezTo>
                    <a:pt x="500" y="419"/>
                    <a:pt x="366" y="425"/>
                    <a:pt x="242" y="370"/>
                  </a:cubicBezTo>
                  <a:cubicBezTo>
                    <a:pt x="120" y="315"/>
                    <a:pt x="28" y="210"/>
                    <a:pt x="4" y="96"/>
                  </a:cubicBezTo>
                  <a:cubicBezTo>
                    <a:pt x="0" y="80"/>
                    <a:pt x="0" y="80"/>
                    <a:pt x="0" y="80"/>
                  </a:cubicBezTo>
                  <a:cubicBezTo>
                    <a:pt x="13" y="72"/>
                    <a:pt x="13" y="72"/>
                    <a:pt x="13" y="72"/>
                  </a:cubicBezTo>
                  <a:cubicBezTo>
                    <a:pt x="110" y="8"/>
                    <a:pt x="247" y="0"/>
                    <a:pt x="371" y="49"/>
                  </a:cubicBezTo>
                  <a:cubicBezTo>
                    <a:pt x="497" y="100"/>
                    <a:pt x="588" y="201"/>
                    <a:pt x="620" y="327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0" name="Freeform 16">
              <a:extLst>
                <a:ext uri="{FF2B5EF4-FFF2-40B4-BE49-F238E27FC236}">
                  <a16:creationId xmlns:a16="http://schemas.microsoft.com/office/drawing/2014/main" id="{DE3AC872-0EBC-85A0-86C3-D75E31A76F41}"/>
                </a:ext>
              </a:extLst>
            </p:cNvPr>
            <p:cNvSpPr>
              <a:spLocks/>
            </p:cNvSpPr>
            <p:nvPr/>
          </p:nvSpPr>
          <p:spPr bwMode="auto">
            <a:xfrm>
              <a:off x="6535" y="1293"/>
              <a:ext cx="470" cy="321"/>
            </a:xfrm>
            <a:custGeom>
              <a:avLst/>
              <a:gdLst>
                <a:gd name="T0" fmla="*/ 620 w 624"/>
                <a:gd name="T1" fmla="*/ 328 h 426"/>
                <a:gd name="T2" fmla="*/ 624 w 624"/>
                <a:gd name="T3" fmla="*/ 345 h 426"/>
                <a:gd name="T4" fmla="*/ 610 w 624"/>
                <a:gd name="T5" fmla="*/ 353 h 426"/>
                <a:gd name="T6" fmla="*/ 241 w 624"/>
                <a:gd name="T7" fmla="*/ 371 h 426"/>
                <a:gd name="T8" fmla="*/ 3 w 624"/>
                <a:gd name="T9" fmla="*/ 96 h 426"/>
                <a:gd name="T10" fmla="*/ 0 w 624"/>
                <a:gd name="T11" fmla="*/ 81 h 426"/>
                <a:gd name="T12" fmla="*/ 13 w 624"/>
                <a:gd name="T13" fmla="*/ 72 h 426"/>
                <a:gd name="T14" fmla="*/ 371 w 624"/>
                <a:gd name="T15" fmla="*/ 50 h 426"/>
                <a:gd name="T16" fmla="*/ 620 w 624"/>
                <a:gd name="T17" fmla="*/ 328 h 4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24" h="426">
                  <a:moveTo>
                    <a:pt x="620" y="328"/>
                  </a:moveTo>
                  <a:cubicBezTo>
                    <a:pt x="624" y="345"/>
                    <a:pt x="624" y="345"/>
                    <a:pt x="624" y="345"/>
                  </a:cubicBezTo>
                  <a:cubicBezTo>
                    <a:pt x="610" y="353"/>
                    <a:pt x="610" y="353"/>
                    <a:pt x="610" y="353"/>
                  </a:cubicBezTo>
                  <a:cubicBezTo>
                    <a:pt x="500" y="420"/>
                    <a:pt x="366" y="426"/>
                    <a:pt x="241" y="371"/>
                  </a:cubicBezTo>
                  <a:cubicBezTo>
                    <a:pt x="119" y="316"/>
                    <a:pt x="28" y="211"/>
                    <a:pt x="3" y="96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13" y="72"/>
                    <a:pt x="13" y="72"/>
                    <a:pt x="13" y="72"/>
                  </a:cubicBezTo>
                  <a:cubicBezTo>
                    <a:pt x="110" y="9"/>
                    <a:pt x="247" y="0"/>
                    <a:pt x="371" y="50"/>
                  </a:cubicBezTo>
                  <a:cubicBezTo>
                    <a:pt x="497" y="101"/>
                    <a:pt x="588" y="202"/>
                    <a:pt x="620" y="328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1" name="Freeform 17">
              <a:extLst>
                <a:ext uri="{FF2B5EF4-FFF2-40B4-BE49-F238E27FC236}">
                  <a16:creationId xmlns:a16="http://schemas.microsoft.com/office/drawing/2014/main" id="{76495C1A-1C37-F40E-4BC6-713F2C758DB0}"/>
                </a:ext>
              </a:extLst>
            </p:cNvPr>
            <p:cNvSpPr>
              <a:spLocks/>
            </p:cNvSpPr>
            <p:nvPr/>
          </p:nvSpPr>
          <p:spPr bwMode="auto">
            <a:xfrm>
              <a:off x="4674" y="-737"/>
              <a:ext cx="317" cy="471"/>
            </a:xfrm>
            <a:custGeom>
              <a:avLst/>
              <a:gdLst>
                <a:gd name="T0" fmla="*/ 345 w 420"/>
                <a:gd name="T1" fmla="*/ 611 h 625"/>
                <a:gd name="T2" fmla="*/ 337 w 420"/>
                <a:gd name="T3" fmla="*/ 625 h 625"/>
                <a:gd name="T4" fmla="*/ 320 w 420"/>
                <a:gd name="T5" fmla="*/ 621 h 625"/>
                <a:gd name="T6" fmla="*/ 48 w 420"/>
                <a:gd name="T7" fmla="*/ 375 h 625"/>
                <a:gd name="T8" fmla="*/ 74 w 420"/>
                <a:gd name="T9" fmla="*/ 13 h 625"/>
                <a:gd name="T10" fmla="*/ 83 w 420"/>
                <a:gd name="T11" fmla="*/ 0 h 625"/>
                <a:gd name="T12" fmla="*/ 98 w 420"/>
                <a:gd name="T13" fmla="*/ 3 h 625"/>
                <a:gd name="T14" fmla="*/ 367 w 420"/>
                <a:gd name="T15" fmla="*/ 239 h 625"/>
                <a:gd name="T16" fmla="*/ 345 w 420"/>
                <a:gd name="T17" fmla="*/ 611 h 6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420" h="625">
                  <a:moveTo>
                    <a:pt x="345" y="611"/>
                  </a:moveTo>
                  <a:cubicBezTo>
                    <a:pt x="337" y="625"/>
                    <a:pt x="337" y="625"/>
                    <a:pt x="337" y="625"/>
                  </a:cubicBezTo>
                  <a:cubicBezTo>
                    <a:pt x="320" y="621"/>
                    <a:pt x="320" y="621"/>
                    <a:pt x="320" y="621"/>
                  </a:cubicBezTo>
                  <a:cubicBezTo>
                    <a:pt x="196" y="591"/>
                    <a:pt x="96" y="501"/>
                    <a:pt x="48" y="375"/>
                  </a:cubicBezTo>
                  <a:cubicBezTo>
                    <a:pt x="0" y="250"/>
                    <a:pt x="10" y="112"/>
                    <a:pt x="74" y="13"/>
                  </a:cubicBezTo>
                  <a:cubicBezTo>
                    <a:pt x="83" y="0"/>
                    <a:pt x="83" y="0"/>
                    <a:pt x="83" y="0"/>
                  </a:cubicBezTo>
                  <a:cubicBezTo>
                    <a:pt x="98" y="3"/>
                    <a:pt x="98" y="3"/>
                    <a:pt x="98" y="3"/>
                  </a:cubicBezTo>
                  <a:cubicBezTo>
                    <a:pt x="212" y="26"/>
                    <a:pt x="315" y="116"/>
                    <a:pt x="367" y="239"/>
                  </a:cubicBezTo>
                  <a:cubicBezTo>
                    <a:pt x="420" y="363"/>
                    <a:pt x="412" y="499"/>
                    <a:pt x="345" y="611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2" name="Freeform 18">
              <a:extLst>
                <a:ext uri="{FF2B5EF4-FFF2-40B4-BE49-F238E27FC236}">
                  <a16:creationId xmlns:a16="http://schemas.microsoft.com/office/drawing/2014/main" id="{5D8DE710-89EB-DB86-3052-7A794BE8D4A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97" y="2016"/>
              <a:ext cx="317" cy="471"/>
            </a:xfrm>
            <a:custGeom>
              <a:avLst/>
              <a:gdLst>
                <a:gd name="T0" fmla="*/ 345 w 420"/>
                <a:gd name="T1" fmla="*/ 610 h 625"/>
                <a:gd name="T2" fmla="*/ 336 w 420"/>
                <a:gd name="T3" fmla="*/ 625 h 625"/>
                <a:gd name="T4" fmla="*/ 320 w 420"/>
                <a:gd name="T5" fmla="*/ 621 h 625"/>
                <a:gd name="T6" fmla="*/ 47 w 420"/>
                <a:gd name="T7" fmla="*/ 374 h 625"/>
                <a:gd name="T8" fmla="*/ 74 w 420"/>
                <a:gd name="T9" fmla="*/ 13 h 625"/>
                <a:gd name="T10" fmla="*/ 83 w 420"/>
                <a:gd name="T11" fmla="*/ 0 h 625"/>
                <a:gd name="T12" fmla="*/ 98 w 420"/>
                <a:gd name="T13" fmla="*/ 3 h 625"/>
                <a:gd name="T14" fmla="*/ 367 w 420"/>
                <a:gd name="T15" fmla="*/ 238 h 625"/>
                <a:gd name="T16" fmla="*/ 345 w 420"/>
                <a:gd name="T17" fmla="*/ 610 h 6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420" h="625">
                  <a:moveTo>
                    <a:pt x="345" y="610"/>
                  </a:moveTo>
                  <a:cubicBezTo>
                    <a:pt x="336" y="625"/>
                    <a:pt x="336" y="625"/>
                    <a:pt x="336" y="625"/>
                  </a:cubicBezTo>
                  <a:cubicBezTo>
                    <a:pt x="320" y="621"/>
                    <a:pt x="320" y="621"/>
                    <a:pt x="320" y="621"/>
                  </a:cubicBezTo>
                  <a:cubicBezTo>
                    <a:pt x="195" y="591"/>
                    <a:pt x="96" y="501"/>
                    <a:pt x="47" y="374"/>
                  </a:cubicBezTo>
                  <a:cubicBezTo>
                    <a:pt x="0" y="250"/>
                    <a:pt x="10" y="111"/>
                    <a:pt x="74" y="13"/>
                  </a:cubicBezTo>
                  <a:cubicBezTo>
                    <a:pt x="83" y="0"/>
                    <a:pt x="83" y="0"/>
                    <a:pt x="83" y="0"/>
                  </a:cubicBezTo>
                  <a:cubicBezTo>
                    <a:pt x="98" y="3"/>
                    <a:pt x="98" y="3"/>
                    <a:pt x="98" y="3"/>
                  </a:cubicBezTo>
                  <a:cubicBezTo>
                    <a:pt x="212" y="26"/>
                    <a:pt x="315" y="116"/>
                    <a:pt x="367" y="238"/>
                  </a:cubicBezTo>
                  <a:cubicBezTo>
                    <a:pt x="420" y="363"/>
                    <a:pt x="412" y="499"/>
                    <a:pt x="345" y="610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3" name="Freeform 19">
              <a:extLst>
                <a:ext uri="{FF2B5EF4-FFF2-40B4-BE49-F238E27FC236}">
                  <a16:creationId xmlns:a16="http://schemas.microsoft.com/office/drawing/2014/main" id="{D52A1498-D2A1-C6ED-0FBB-B067EEF86357}"/>
                </a:ext>
              </a:extLst>
            </p:cNvPr>
            <p:cNvSpPr>
              <a:spLocks/>
            </p:cNvSpPr>
            <p:nvPr/>
          </p:nvSpPr>
          <p:spPr bwMode="auto">
            <a:xfrm>
              <a:off x="3772" y="1276"/>
              <a:ext cx="475" cy="315"/>
            </a:xfrm>
            <a:custGeom>
              <a:avLst/>
              <a:gdLst>
                <a:gd name="T0" fmla="*/ 614 w 629"/>
                <a:gd name="T1" fmla="*/ 74 h 418"/>
                <a:gd name="T2" fmla="*/ 629 w 629"/>
                <a:gd name="T3" fmla="*/ 83 h 418"/>
                <a:gd name="T4" fmla="*/ 625 w 629"/>
                <a:gd name="T5" fmla="*/ 99 h 418"/>
                <a:gd name="T6" fmla="*/ 376 w 629"/>
                <a:gd name="T7" fmla="*/ 370 h 418"/>
                <a:gd name="T8" fmla="*/ 13 w 629"/>
                <a:gd name="T9" fmla="*/ 344 h 418"/>
                <a:gd name="T10" fmla="*/ 0 w 629"/>
                <a:gd name="T11" fmla="*/ 335 h 418"/>
                <a:gd name="T12" fmla="*/ 3 w 629"/>
                <a:gd name="T13" fmla="*/ 320 h 418"/>
                <a:gd name="T14" fmla="*/ 240 w 629"/>
                <a:gd name="T15" fmla="*/ 53 h 418"/>
                <a:gd name="T16" fmla="*/ 614 w 629"/>
                <a:gd name="T17" fmla="*/ 74 h 4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29" h="418">
                  <a:moveTo>
                    <a:pt x="614" y="74"/>
                  </a:moveTo>
                  <a:cubicBezTo>
                    <a:pt x="629" y="83"/>
                    <a:pt x="629" y="83"/>
                    <a:pt x="629" y="83"/>
                  </a:cubicBezTo>
                  <a:cubicBezTo>
                    <a:pt x="625" y="99"/>
                    <a:pt x="625" y="99"/>
                    <a:pt x="625" y="99"/>
                  </a:cubicBezTo>
                  <a:cubicBezTo>
                    <a:pt x="594" y="223"/>
                    <a:pt x="504" y="322"/>
                    <a:pt x="376" y="370"/>
                  </a:cubicBezTo>
                  <a:cubicBezTo>
                    <a:pt x="251" y="418"/>
                    <a:pt x="112" y="407"/>
                    <a:pt x="13" y="344"/>
                  </a:cubicBezTo>
                  <a:cubicBezTo>
                    <a:pt x="0" y="335"/>
                    <a:pt x="0" y="335"/>
                    <a:pt x="0" y="335"/>
                  </a:cubicBezTo>
                  <a:cubicBezTo>
                    <a:pt x="3" y="320"/>
                    <a:pt x="3" y="320"/>
                    <a:pt x="3" y="320"/>
                  </a:cubicBezTo>
                  <a:cubicBezTo>
                    <a:pt x="26" y="207"/>
                    <a:pt x="117" y="105"/>
                    <a:pt x="240" y="53"/>
                  </a:cubicBezTo>
                  <a:cubicBezTo>
                    <a:pt x="365" y="0"/>
                    <a:pt x="502" y="7"/>
                    <a:pt x="614" y="74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4" name="Freeform 20">
              <a:extLst>
                <a:ext uri="{FF2B5EF4-FFF2-40B4-BE49-F238E27FC236}">
                  <a16:creationId xmlns:a16="http://schemas.microsoft.com/office/drawing/2014/main" id="{F059021E-8BE0-2EEB-36A8-12E40B77419D}"/>
                </a:ext>
              </a:extLst>
            </p:cNvPr>
            <p:cNvSpPr>
              <a:spLocks/>
            </p:cNvSpPr>
            <p:nvPr/>
          </p:nvSpPr>
          <p:spPr bwMode="auto">
            <a:xfrm>
              <a:off x="6542" y="158"/>
              <a:ext cx="474" cy="316"/>
            </a:xfrm>
            <a:custGeom>
              <a:avLst/>
              <a:gdLst>
                <a:gd name="T0" fmla="*/ 614 w 629"/>
                <a:gd name="T1" fmla="*/ 75 h 418"/>
                <a:gd name="T2" fmla="*/ 629 w 629"/>
                <a:gd name="T3" fmla="*/ 84 h 418"/>
                <a:gd name="T4" fmla="*/ 625 w 629"/>
                <a:gd name="T5" fmla="*/ 100 h 418"/>
                <a:gd name="T6" fmla="*/ 376 w 629"/>
                <a:gd name="T7" fmla="*/ 371 h 418"/>
                <a:gd name="T8" fmla="*/ 13 w 629"/>
                <a:gd name="T9" fmla="*/ 345 h 418"/>
                <a:gd name="T10" fmla="*/ 0 w 629"/>
                <a:gd name="T11" fmla="*/ 336 h 418"/>
                <a:gd name="T12" fmla="*/ 3 w 629"/>
                <a:gd name="T13" fmla="*/ 321 h 418"/>
                <a:gd name="T14" fmla="*/ 240 w 629"/>
                <a:gd name="T15" fmla="*/ 53 h 418"/>
                <a:gd name="T16" fmla="*/ 614 w 629"/>
                <a:gd name="T17" fmla="*/ 75 h 4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29" h="418">
                  <a:moveTo>
                    <a:pt x="614" y="75"/>
                  </a:moveTo>
                  <a:cubicBezTo>
                    <a:pt x="629" y="84"/>
                    <a:pt x="629" y="84"/>
                    <a:pt x="629" y="84"/>
                  </a:cubicBezTo>
                  <a:cubicBezTo>
                    <a:pt x="625" y="100"/>
                    <a:pt x="625" y="100"/>
                    <a:pt x="625" y="100"/>
                  </a:cubicBezTo>
                  <a:cubicBezTo>
                    <a:pt x="594" y="224"/>
                    <a:pt x="504" y="323"/>
                    <a:pt x="376" y="371"/>
                  </a:cubicBezTo>
                  <a:cubicBezTo>
                    <a:pt x="251" y="418"/>
                    <a:pt x="112" y="408"/>
                    <a:pt x="13" y="345"/>
                  </a:cubicBezTo>
                  <a:cubicBezTo>
                    <a:pt x="0" y="336"/>
                    <a:pt x="0" y="336"/>
                    <a:pt x="0" y="336"/>
                  </a:cubicBezTo>
                  <a:cubicBezTo>
                    <a:pt x="3" y="321"/>
                    <a:pt x="3" y="321"/>
                    <a:pt x="3" y="321"/>
                  </a:cubicBezTo>
                  <a:cubicBezTo>
                    <a:pt x="26" y="208"/>
                    <a:pt x="117" y="106"/>
                    <a:pt x="240" y="53"/>
                  </a:cubicBezTo>
                  <a:cubicBezTo>
                    <a:pt x="365" y="0"/>
                    <a:pt x="502" y="8"/>
                    <a:pt x="614" y="75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</p:grpSp>
      <p:sp>
        <p:nvSpPr>
          <p:cNvPr id="25" name="Dynamic legal" descr="{&quot;templafy&quot;:{&quot;id&quot;:&quot;a05fe173-4e89-48a2-8776-e0dc1359e3ab&quot;}}">
            <a:extLst>
              <a:ext uri="{FF2B5EF4-FFF2-40B4-BE49-F238E27FC236}">
                <a16:creationId xmlns:a16="http://schemas.microsoft.com/office/drawing/2014/main" id="{9674E34C-F8B4-02E2-B69C-617DA011A7E0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26" name="Dynamic Internal use only" descr="{&quot;templafy&quot;:{&quot;id&quot;:&quot;be00847e-b65b-4479-acf9-14364a95763c&quot;}}" hidden="1" title="Form.Cigna_Confidentiality.Cigna_groupConfidentiality">
            <a:extLst>
              <a:ext uri="{FF2B5EF4-FFF2-40B4-BE49-F238E27FC236}">
                <a16:creationId xmlns:a16="http://schemas.microsoft.com/office/drawing/2014/main" id="{75497B10-B64D-2CDC-24E5-8A611CCC1425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E786E4C5-B03B-BD1A-26AB-C1BF46C9F1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6150746"/>
            <a:ext cx="910800" cy="3468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360000"/>
            <a:ext cx="5647100" cy="5580000"/>
          </a:xfrm>
        </p:spPr>
        <p:txBody>
          <a:bodyPr lIns="0" tIns="0" rIns="0" bIns="0" anchor="ctr" anchorCtr="0"/>
          <a:lstStyle>
            <a:lvl1pPr algn="l">
              <a:lnSpc>
                <a:spcPct val="100000"/>
              </a:lnSpc>
              <a:defRPr sz="540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C33CD016-AF53-4077-868B-A63A5CCE9928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502332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Break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8" name="Freeform: Shape blue">
            <a:extLst>
              <a:ext uri="{FF2B5EF4-FFF2-40B4-BE49-F238E27FC236}">
                <a16:creationId xmlns:a16="http://schemas.microsoft.com/office/drawing/2014/main" id="{2A844F6C-C173-06A9-1E3F-DBAC1097F8A9}"/>
              </a:ext>
            </a:extLst>
          </p:cNvPr>
          <p:cNvSpPr/>
          <p:nvPr userDrawn="1"/>
        </p:nvSpPr>
        <p:spPr>
          <a:xfrm>
            <a:off x="1" y="0"/>
            <a:ext cx="5645390" cy="6858000"/>
          </a:xfrm>
          <a:custGeom>
            <a:avLst/>
            <a:gdLst>
              <a:gd name="connsiteX0" fmla="*/ 0 w 5645390"/>
              <a:gd name="connsiteY0" fmla="*/ 0 h 6858000"/>
              <a:gd name="connsiteX1" fmla="*/ 2216390 w 5645390"/>
              <a:gd name="connsiteY1" fmla="*/ 0 h 6858000"/>
              <a:gd name="connsiteX2" fmla="*/ 5645390 w 5645390"/>
              <a:gd name="connsiteY2" fmla="*/ 3429000 h 6858000"/>
              <a:gd name="connsiteX3" fmla="*/ 2216390 w 5645390"/>
              <a:gd name="connsiteY3" fmla="*/ 6858000 h 6858000"/>
              <a:gd name="connsiteX4" fmla="*/ 0 w 5645390"/>
              <a:gd name="connsiteY4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45390" h="6858000">
                <a:moveTo>
                  <a:pt x="0" y="0"/>
                </a:moveTo>
                <a:lnTo>
                  <a:pt x="2216390" y="0"/>
                </a:lnTo>
                <a:cubicBezTo>
                  <a:pt x="4110174" y="0"/>
                  <a:pt x="5645390" y="1535216"/>
                  <a:pt x="5645390" y="3429000"/>
                </a:cubicBezTo>
                <a:cubicBezTo>
                  <a:pt x="5645390" y="5322784"/>
                  <a:pt x="4110174" y="6858000"/>
                  <a:pt x="2216390" y="6858000"/>
                </a:cubicBezTo>
                <a:lnTo>
                  <a:pt x="0" y="6858000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3" name="Dynamic legal" descr="{&quot;templafy&quot;:{&quot;id&quot;:&quot;1e4353ee-899c-4b18-9c74-f814566e483c&quot;}}">
            <a:extLst>
              <a:ext uri="{FF2B5EF4-FFF2-40B4-BE49-F238E27FC236}">
                <a16:creationId xmlns:a16="http://schemas.microsoft.com/office/drawing/2014/main" id="{B12AB33A-8BF1-2B00-D54D-04AA81741259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4" name="Dynamic Internal use only" descr="{&quot;templafy&quot;:{&quot;id&quot;:&quot;27c96812-c761-4f7f-b8ea-e1755a52ea30&quot;}}" hidden="1" title="Form.Cigna_Confidentiality.Cigna_groupConfidentiality">
            <a:extLst>
              <a:ext uri="{FF2B5EF4-FFF2-40B4-BE49-F238E27FC236}">
                <a16:creationId xmlns:a16="http://schemas.microsoft.com/office/drawing/2014/main" id="{CEE350B6-EFA9-861F-39F5-3E31882F0795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E786E4C5-B03B-BD1A-26AB-C1BF46C9F1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6150746"/>
            <a:ext cx="910800" cy="3468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auto">
          <a:xfrm>
            <a:off x="6184800" y="2185200"/>
            <a:ext cx="4672800" cy="2797200"/>
          </a:xfrm>
        </p:spPr>
        <p:txBody>
          <a:bodyPr lIns="0" tIns="0" rIns="0" bIns="0" anchor="t" anchorCtr="0"/>
          <a:lstStyle>
            <a:lvl1pPr algn="l">
              <a:lnSpc>
                <a:spcPct val="100000"/>
              </a:lnSpc>
              <a:defRPr sz="5400" cap="none" baseline="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BE99EF6-14F1-6E89-B4CF-16CE0E405C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auto">
          <a:xfrm>
            <a:off x="6184800" y="1548000"/>
            <a:ext cx="4673700" cy="634446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3pPr>
            <a:lvl4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4pPr>
            <a:lvl5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6pPr>
            <a:lvl7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7pPr>
            <a:lvl8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8pPr>
            <a:lvl9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#01</a:t>
            </a:r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A820F1C-1FB8-EA60-919F-C66FCD36BF9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FB405B1C-4139-469B-84AA-99DD048E7A08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EA45F462-C5C8-4AAD-ED87-DC9B8D0A761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37118327-9137-D697-D47A-8C0770F1EC8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7443106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1376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Break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5">
            <a:extLst>
              <a:ext uri="{FF2B5EF4-FFF2-40B4-BE49-F238E27FC236}">
                <a16:creationId xmlns:a16="http://schemas.microsoft.com/office/drawing/2014/main" id="{B0C6D42C-81E9-84AE-0891-C327D501DF31}"/>
              </a:ext>
            </a:extLst>
          </p:cNvPr>
          <p:cNvSpPr txBox="1"/>
          <p:nvPr userDrawn="1"/>
        </p:nvSpPr>
        <p:spPr>
          <a:xfrm>
            <a:off x="26895" y="-237960"/>
            <a:ext cx="6571129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en-US" sz="1200" dirty="0">
                <a:solidFill>
                  <a:schemeClr val="bg1"/>
                </a:solidFill>
              </a:rPr>
              <a:t>Insert Glyph from Templafy Slide Element - left to the text - centered. 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94F43249-1115-D48D-939C-E607E316693C}"/>
              </a:ext>
            </a:extLst>
          </p:cNvPr>
          <p:cNvGrpSpPr/>
          <p:nvPr userDrawn="1"/>
        </p:nvGrpSpPr>
        <p:grpSpPr>
          <a:xfrm>
            <a:off x="2342550" y="2071326"/>
            <a:ext cx="2314828" cy="2465266"/>
            <a:chOff x="2342550" y="2071326"/>
            <a:chExt cx="2314828" cy="2465266"/>
          </a:xfrm>
        </p:grpSpPr>
        <p:sp>
          <p:nvSpPr>
            <p:cNvPr id="3" name="Rectangle: Rounded Corners 2">
              <a:extLst>
                <a:ext uri="{FF2B5EF4-FFF2-40B4-BE49-F238E27FC236}">
                  <a16:creationId xmlns:a16="http://schemas.microsoft.com/office/drawing/2014/main" id="{EE71C4F1-7B0C-8053-2A6B-61F7952AC9DB}"/>
                </a:ext>
              </a:extLst>
            </p:cNvPr>
            <p:cNvSpPr/>
            <p:nvPr userDrawn="1"/>
          </p:nvSpPr>
          <p:spPr>
            <a:xfrm rot="3249856" flipH="1">
              <a:off x="1702094" y="2711782"/>
              <a:ext cx="2465266" cy="1184353"/>
            </a:xfrm>
            <a:prstGeom prst="roundRect">
              <a:avLst>
                <a:gd name="adj" fmla="val 50000"/>
              </a:avLst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noProof="0" dirty="0" err="1"/>
            </a:p>
          </p:txBody>
        </p:sp>
        <p:sp>
          <p:nvSpPr>
            <p:cNvPr id="4" name="Rectangle: Rounded Corners 3">
              <a:extLst>
                <a:ext uri="{FF2B5EF4-FFF2-40B4-BE49-F238E27FC236}">
                  <a16:creationId xmlns:a16="http://schemas.microsoft.com/office/drawing/2014/main" id="{26FA6F18-C6C9-394F-361C-C7ECAC144FB2}"/>
                </a:ext>
              </a:extLst>
            </p:cNvPr>
            <p:cNvSpPr/>
            <p:nvPr userDrawn="1"/>
          </p:nvSpPr>
          <p:spPr>
            <a:xfrm rot="18350144">
              <a:off x="2457055" y="2711782"/>
              <a:ext cx="2465266" cy="1184353"/>
            </a:xfrm>
            <a:prstGeom prst="roundRect">
              <a:avLst>
                <a:gd name="adj" fmla="val 50000"/>
              </a:avLst>
            </a:pr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noProof="0" dirty="0" err="1"/>
            </a:p>
          </p:txBody>
        </p:sp>
        <p:sp>
          <p:nvSpPr>
            <p:cNvPr id="5" name="Oval 4">
              <a:extLst>
                <a:ext uri="{FF2B5EF4-FFF2-40B4-BE49-F238E27FC236}">
                  <a16:creationId xmlns:a16="http://schemas.microsoft.com/office/drawing/2014/main" id="{E45D4A28-65AA-D0A1-E7DE-C5515BE42C13}"/>
                </a:ext>
              </a:extLst>
            </p:cNvPr>
            <p:cNvSpPr/>
            <p:nvPr userDrawn="1"/>
          </p:nvSpPr>
          <p:spPr>
            <a:xfrm>
              <a:off x="3467447" y="2184971"/>
              <a:ext cx="1189931" cy="1184400"/>
            </a:xfrm>
            <a:prstGeom prst="ellipse">
              <a:avLst/>
            </a:prstGeom>
            <a:solidFill>
              <a:schemeClr val="accent2"/>
            </a:solidFill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noProof="0" dirty="0" err="1"/>
            </a:p>
          </p:txBody>
        </p:sp>
      </p:grpSp>
      <p:grpSp>
        <p:nvGrpSpPr>
          <p:cNvPr id="9" name="Group 8">
            <a:extLst>
              <a:ext uri="{FF2B5EF4-FFF2-40B4-BE49-F238E27FC236}">
                <a16:creationId xmlns:a16="http://schemas.microsoft.com/office/drawing/2014/main" id="{6EA5505B-9240-5D17-AB88-FD988EDBCCA6}"/>
              </a:ext>
            </a:extLst>
          </p:cNvPr>
          <p:cNvGrpSpPr/>
          <p:nvPr userDrawn="1"/>
        </p:nvGrpSpPr>
        <p:grpSpPr>
          <a:xfrm>
            <a:off x="5499373" y="-290188"/>
            <a:ext cx="239458" cy="255020"/>
            <a:chOff x="2342550" y="2071326"/>
            <a:chExt cx="2314828" cy="2465266"/>
          </a:xfrm>
        </p:grpSpPr>
        <p:sp>
          <p:nvSpPr>
            <p:cNvPr id="14" name="Rectangle: Rounded Corners 13">
              <a:extLst>
                <a:ext uri="{FF2B5EF4-FFF2-40B4-BE49-F238E27FC236}">
                  <a16:creationId xmlns:a16="http://schemas.microsoft.com/office/drawing/2014/main" id="{EA376494-C028-CBA3-26D6-C25E4DF45866}"/>
                </a:ext>
              </a:extLst>
            </p:cNvPr>
            <p:cNvSpPr/>
            <p:nvPr userDrawn="1"/>
          </p:nvSpPr>
          <p:spPr>
            <a:xfrm rot="3249856" flipH="1">
              <a:off x="1702094" y="2711782"/>
              <a:ext cx="2465266" cy="1184353"/>
            </a:xfrm>
            <a:prstGeom prst="roundRect">
              <a:avLst>
                <a:gd name="adj" fmla="val 50000"/>
              </a:avLst>
            </a:prstGeom>
            <a:solidFill>
              <a:schemeClr val="accent6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noProof="0" dirty="0" err="1"/>
            </a:p>
          </p:txBody>
        </p:sp>
        <p:sp>
          <p:nvSpPr>
            <p:cNvPr id="15" name="Rectangle: Rounded Corners 14">
              <a:extLst>
                <a:ext uri="{FF2B5EF4-FFF2-40B4-BE49-F238E27FC236}">
                  <a16:creationId xmlns:a16="http://schemas.microsoft.com/office/drawing/2014/main" id="{F677EECF-9E03-5E66-BB6B-BEC71BFBB195}"/>
                </a:ext>
              </a:extLst>
            </p:cNvPr>
            <p:cNvSpPr/>
            <p:nvPr userDrawn="1"/>
          </p:nvSpPr>
          <p:spPr>
            <a:xfrm rot="18350144">
              <a:off x="2457055" y="2711782"/>
              <a:ext cx="2465266" cy="1184353"/>
            </a:xfrm>
            <a:prstGeom prst="roundRect">
              <a:avLst>
                <a:gd name="adj" fmla="val 50000"/>
              </a:avLst>
            </a:pr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noProof="0" dirty="0" err="1"/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BE894472-2902-56A5-D2C8-97EF0E54A2FA}"/>
                </a:ext>
              </a:extLst>
            </p:cNvPr>
            <p:cNvSpPr/>
            <p:nvPr userDrawn="1"/>
          </p:nvSpPr>
          <p:spPr>
            <a:xfrm>
              <a:off x="3467447" y="2184971"/>
              <a:ext cx="1189931" cy="1184400"/>
            </a:xfrm>
            <a:prstGeom prst="ellipse">
              <a:avLst/>
            </a:prstGeom>
            <a:solidFill>
              <a:schemeClr val="accent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noProof="0" dirty="0" err="1"/>
            </a:p>
          </p:txBody>
        </p:sp>
      </p:grp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18" name="Dynamic legal" descr="{&quot;templafy&quot;:{&quot;id&quot;:&quot;04fb40ff-d695-40bf-b321-73ebc1f82609&quot;}}">
            <a:extLst>
              <a:ext uri="{FF2B5EF4-FFF2-40B4-BE49-F238E27FC236}">
                <a16:creationId xmlns:a16="http://schemas.microsoft.com/office/drawing/2014/main" id="{2B541125-52FF-E041-A7A4-C894B94659C1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19" name="Dynamic Internal use only" descr="{&quot;templafy&quot;:{&quot;id&quot;:&quot;a49ab21e-1b06-4d1b-a09e-355186e5a671&quot;}}" hidden="1" title="Form.Cigna_Confidentiality.Cigna_groupConfidentiality">
            <a:extLst>
              <a:ext uri="{FF2B5EF4-FFF2-40B4-BE49-F238E27FC236}">
                <a16:creationId xmlns:a16="http://schemas.microsoft.com/office/drawing/2014/main" id="{5BA89D31-612A-F815-B9D5-AFAF143D4607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E786E4C5-B03B-BD1A-26AB-C1BF46C9F1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6150746"/>
            <a:ext cx="910800" cy="3468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6184800" y="2185200"/>
            <a:ext cx="4672800" cy="3740400"/>
          </a:xfrm>
        </p:spPr>
        <p:txBody>
          <a:bodyPr lIns="0" tIns="0" rIns="0" bIns="0" anchor="t" anchorCtr="0"/>
          <a:lstStyle>
            <a:lvl1pPr algn="l">
              <a:lnSpc>
                <a:spcPct val="100000"/>
              </a:lnSpc>
              <a:defRPr sz="540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BE99EF6-14F1-6E89-B4CF-16CE0E405C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6184800" y="1548000"/>
            <a:ext cx="4673700" cy="634446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3pPr>
            <a:lvl4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4pPr>
            <a:lvl5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6pPr>
            <a:lvl7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7pPr>
            <a:lvl8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8pPr>
            <a:lvl9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chemeClr val="accent3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#01</a:t>
            </a:r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A820F1C-1FB8-EA60-919F-C66FCD36BF9B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802E19D3-E002-4406-ABE7-D57700C83789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EA45F462-C5C8-4AAD-ED87-DC9B8D0A761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37118327-9137-D697-D47A-8C0770F1EC8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7437503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1376" userDrawn="1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360000"/>
            <a:ext cx="11473200" cy="1188000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000" y="1548000"/>
            <a:ext cx="114732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36852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373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360000"/>
            <a:ext cx="11473200" cy="1188000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4561A210-6329-52A7-47E0-BB5A48884B5D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59998" y="856800"/>
            <a:ext cx="114588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000" y="1548000"/>
            <a:ext cx="114732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F6F59224-59DA-4C45-ADF4-2EA63E23A430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641387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3735" userDrawn="1">
          <p15:clr>
            <a:srgbClr val="A4A3A4"/>
          </p15:clr>
        </p15:guide>
        <p15:guide id="3" orient="horz" pos="539" userDrawn="1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360000"/>
            <a:ext cx="11473200" cy="1188000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000" y="1548000"/>
            <a:ext cx="56484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6" name="Content Placeholder 6">
            <a:extLst>
              <a:ext uri="{FF2B5EF4-FFF2-40B4-BE49-F238E27FC236}">
                <a16:creationId xmlns:a16="http://schemas.microsoft.com/office/drawing/2014/main" id="{09321395-6E8C-5A2E-4072-17DE8B1C82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184800" y="1548000"/>
            <a:ext cx="56484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58E7EA4A-212E-4378-AEB8-277E955B0911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16046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3735" userDrawn="1">
          <p15:clr>
            <a:srgbClr val="A4A3A4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+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360000"/>
            <a:ext cx="11473200" cy="1188000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6CCB4568-5307-865D-9DE8-84ABD9A069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59998" y="856800"/>
            <a:ext cx="114588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1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000" y="1548000"/>
            <a:ext cx="56484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6" name="Content Placeholder 6">
            <a:extLst>
              <a:ext uri="{FF2B5EF4-FFF2-40B4-BE49-F238E27FC236}">
                <a16:creationId xmlns:a16="http://schemas.microsoft.com/office/drawing/2014/main" id="{09321395-6E8C-5A2E-4072-17DE8B1C82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184800" y="1548000"/>
            <a:ext cx="56484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374581DC-F825-44D0-A654-3AFE27A68EC9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865159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3735" userDrawn="1">
          <p15:clr>
            <a:srgbClr val="A4A3A4"/>
          </p15:clr>
        </p15:guide>
        <p15:guide id="3" orient="horz" pos="539" userDrawn="1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360000"/>
            <a:ext cx="11473200" cy="1188000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548000"/>
            <a:ext cx="3704400" cy="43776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244400" y="1548000"/>
            <a:ext cx="3704400" cy="43776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128800" y="1548000"/>
            <a:ext cx="3704400" cy="43776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2C847E6-A193-E0D3-AEBC-4655DDD81D7E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6A1A54AB-88B3-4173-85AD-14ED52188E06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7908891-190B-6BC3-437F-0AC310A7747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AA71E20-872F-F5BC-E21E-27661D22194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50300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3733" userDrawn="1">
          <p15:clr>
            <a:srgbClr val="A4A3A4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ver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15" name="Freeform: Shape 14">
            <a:extLst>
              <a:ext uri="{FF2B5EF4-FFF2-40B4-BE49-F238E27FC236}">
                <a16:creationId xmlns:a16="http://schemas.microsoft.com/office/drawing/2014/main" id="{486EE068-5761-2B58-B5D2-AD276F99739A}"/>
              </a:ext>
            </a:extLst>
          </p:cNvPr>
          <p:cNvSpPr/>
          <p:nvPr userDrawn="1"/>
        </p:nvSpPr>
        <p:spPr>
          <a:xfrm>
            <a:off x="3209923" y="0"/>
            <a:ext cx="8982076" cy="6678000"/>
          </a:xfrm>
          <a:custGeom>
            <a:avLst/>
            <a:gdLst>
              <a:gd name="connsiteX0" fmla="*/ 3429000 w 8982076"/>
              <a:gd name="connsiteY0" fmla="*/ 0 h 6678000"/>
              <a:gd name="connsiteX1" fmla="*/ 3472230 w 8982076"/>
              <a:gd name="connsiteY1" fmla="*/ 0 h 6678000"/>
              <a:gd name="connsiteX2" fmla="*/ 5406538 w 8982076"/>
              <a:gd name="connsiteY2" fmla="*/ 0 h 6678000"/>
              <a:gd name="connsiteX3" fmla="*/ 5568496 w 8982076"/>
              <a:gd name="connsiteY3" fmla="*/ 0 h 6678000"/>
              <a:gd name="connsiteX4" fmla="*/ 5605829 w 8982076"/>
              <a:gd name="connsiteY4" fmla="*/ 0 h 6678000"/>
              <a:gd name="connsiteX5" fmla="*/ 8982076 w 8982076"/>
              <a:gd name="connsiteY5" fmla="*/ 0 h 6678000"/>
              <a:gd name="connsiteX6" fmla="*/ 8982076 w 8982076"/>
              <a:gd name="connsiteY6" fmla="*/ 3041645 h 6678000"/>
              <a:gd name="connsiteX7" fmla="*/ 8982076 w 8982076"/>
              <a:gd name="connsiteY7" fmla="*/ 3636355 h 6678000"/>
              <a:gd name="connsiteX8" fmla="*/ 8982076 w 8982076"/>
              <a:gd name="connsiteY8" fmla="*/ 6678000 h 6678000"/>
              <a:gd name="connsiteX9" fmla="*/ 5605829 w 8982076"/>
              <a:gd name="connsiteY9" fmla="*/ 6678000 h 6678000"/>
              <a:gd name="connsiteX10" fmla="*/ 5568496 w 8982076"/>
              <a:gd name="connsiteY10" fmla="*/ 6678000 h 6678000"/>
              <a:gd name="connsiteX11" fmla="*/ 5406538 w 8982076"/>
              <a:gd name="connsiteY11" fmla="*/ 6678000 h 6678000"/>
              <a:gd name="connsiteX12" fmla="*/ 3472230 w 8982076"/>
              <a:gd name="connsiteY12" fmla="*/ 6678000 h 6678000"/>
              <a:gd name="connsiteX13" fmla="*/ 3429000 w 8982076"/>
              <a:gd name="connsiteY13" fmla="*/ 6678000 h 6678000"/>
              <a:gd name="connsiteX14" fmla="*/ 0 w 8982076"/>
              <a:gd name="connsiteY14" fmla="*/ 3339000 h 6678000"/>
              <a:gd name="connsiteX15" fmla="*/ 3429000 w 8982076"/>
              <a:gd name="connsiteY15" fmla="*/ 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8982076" h="6678000">
                <a:moveTo>
                  <a:pt x="3429000" y="0"/>
                </a:moveTo>
                <a:lnTo>
                  <a:pt x="3472230" y="0"/>
                </a:lnTo>
                <a:lnTo>
                  <a:pt x="5406538" y="0"/>
                </a:lnTo>
                <a:lnTo>
                  <a:pt x="5568496" y="0"/>
                </a:lnTo>
                <a:lnTo>
                  <a:pt x="5605829" y="0"/>
                </a:lnTo>
                <a:lnTo>
                  <a:pt x="8982076" y="0"/>
                </a:lnTo>
                <a:lnTo>
                  <a:pt x="8982076" y="3041645"/>
                </a:lnTo>
                <a:lnTo>
                  <a:pt x="8982076" y="3636355"/>
                </a:lnTo>
                <a:lnTo>
                  <a:pt x="8982076" y="6678000"/>
                </a:lnTo>
                <a:lnTo>
                  <a:pt x="5605829" y="6678000"/>
                </a:lnTo>
                <a:lnTo>
                  <a:pt x="5568496" y="6678000"/>
                </a:lnTo>
                <a:lnTo>
                  <a:pt x="5406538" y="6678000"/>
                </a:lnTo>
                <a:lnTo>
                  <a:pt x="3472230" y="6678000"/>
                </a:lnTo>
                <a:lnTo>
                  <a:pt x="3429000" y="6678000"/>
                </a:lnTo>
                <a:cubicBezTo>
                  <a:pt x="1535217" y="6678000"/>
                  <a:pt x="0" y="5183079"/>
                  <a:pt x="0" y="3339000"/>
                </a:cubicBezTo>
                <a:cubicBezTo>
                  <a:pt x="0" y="1494922"/>
                  <a:pt x="1535217" y="0"/>
                  <a:pt x="3429000" y="0"/>
                </a:cubicBezTo>
                <a:close/>
              </a:path>
            </a:pathLst>
          </a:cu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1600" noProof="0" dirty="0" err="1"/>
          </a:p>
        </p:txBody>
      </p:sp>
      <p:sp>
        <p:nvSpPr>
          <p:cNvPr id="48" name="Picture placeholder">
            <a:extLst>
              <a:ext uri="{FF2B5EF4-FFF2-40B4-BE49-F238E27FC236}">
                <a16:creationId xmlns:a16="http://schemas.microsoft.com/office/drawing/2014/main" id="{0FBC4D24-9804-49D9-2F9F-F0E118297658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5514000" y="0"/>
            <a:ext cx="6678000" cy="6678000"/>
          </a:xfrm>
          <a:custGeom>
            <a:avLst/>
            <a:gdLst>
              <a:gd name="connsiteX0" fmla="*/ 3429000 w 6842580"/>
              <a:gd name="connsiteY0" fmla="*/ 0 h 6858000"/>
              <a:gd name="connsiteX1" fmla="*/ 6840296 w 6842580"/>
              <a:gd name="connsiteY1" fmla="*/ 3078405 h 6858000"/>
              <a:gd name="connsiteX2" fmla="*/ 6842580 w 6842580"/>
              <a:gd name="connsiteY2" fmla="*/ 3123630 h 6858000"/>
              <a:gd name="connsiteX3" fmla="*/ 6842580 w 6842580"/>
              <a:gd name="connsiteY3" fmla="*/ 3734370 h 6858000"/>
              <a:gd name="connsiteX4" fmla="*/ 6840296 w 6842580"/>
              <a:gd name="connsiteY4" fmla="*/ 3779595 h 6858000"/>
              <a:gd name="connsiteX5" fmla="*/ 3429000 w 6842580"/>
              <a:gd name="connsiteY5" fmla="*/ 6858000 h 6858000"/>
              <a:gd name="connsiteX6" fmla="*/ 0 w 6842580"/>
              <a:gd name="connsiteY6" fmla="*/ 3429000 h 6858000"/>
              <a:gd name="connsiteX7" fmla="*/ 3429000 w 6842580"/>
              <a:gd name="connsiteY7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842580" h="6858000">
                <a:moveTo>
                  <a:pt x="3429000" y="0"/>
                </a:moveTo>
                <a:cubicBezTo>
                  <a:pt x="5204423" y="0"/>
                  <a:pt x="6664697" y="1349311"/>
                  <a:pt x="6840296" y="3078405"/>
                </a:cubicBezTo>
                <a:lnTo>
                  <a:pt x="6842580" y="3123630"/>
                </a:lnTo>
                <a:lnTo>
                  <a:pt x="6842580" y="3734370"/>
                </a:lnTo>
                <a:lnTo>
                  <a:pt x="6840296" y="3779595"/>
                </a:lnTo>
                <a:cubicBezTo>
                  <a:pt x="6664697" y="5508689"/>
                  <a:pt x="5204423" y="6858000"/>
                  <a:pt x="3429000" y="6858000"/>
                </a:cubicBezTo>
                <a:cubicBezTo>
                  <a:pt x="1535216" y="6858000"/>
                  <a:pt x="0" y="5322784"/>
                  <a:pt x="0" y="3429000"/>
                </a:cubicBezTo>
                <a:cubicBezTo>
                  <a:pt x="0" y="1535216"/>
                  <a:pt x="1535216" y="0"/>
                  <a:pt x="3429000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5" name="Dynamic legal" descr="{&quot;templafy&quot;:{&quot;id&quot;:&quot;bea34592-48b5-46ca-b650-6e862acd7de7&quot;}}">
            <a:extLst>
              <a:ext uri="{FF2B5EF4-FFF2-40B4-BE49-F238E27FC236}">
                <a16:creationId xmlns:a16="http://schemas.microsoft.com/office/drawing/2014/main" id="{826C2893-DB89-5E36-B559-91B7819EAFAC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9" name="Dynamic Internal use only" descr="{&quot;templafy&quot;:{&quot;id&quot;:&quot;97153529-8db7-44eb-bd1e-3ce3da1c1692&quot;}}" hidden="1" title="Form.Cigna_Confidentiality.Cigna_groupConfidentiality">
            <a:extLst>
              <a:ext uri="{FF2B5EF4-FFF2-40B4-BE49-F238E27FC236}">
                <a16:creationId xmlns:a16="http://schemas.microsoft.com/office/drawing/2014/main" id="{82804947-536B-02DF-00C5-FF043CAE45CB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50" name="Logo">
            <a:extLst>
              <a:ext uri="{FF2B5EF4-FFF2-40B4-BE49-F238E27FC236}">
                <a16:creationId xmlns:a16="http://schemas.microsoft.com/office/drawing/2014/main" id="{BED77317-F243-BE5D-2EC3-BBCB8C2C345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5887784"/>
            <a:ext cx="1620000" cy="61700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59999" y="1429200"/>
            <a:ext cx="4665600" cy="2707200"/>
          </a:xfrm>
          <a:noFill/>
        </p:spPr>
        <p:txBody>
          <a:bodyPr anchor="t" anchorCtr="0"/>
          <a:lstStyle>
            <a:lvl1pPr algn="l">
              <a:lnSpc>
                <a:spcPct val="95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ECE0595-0336-BE18-E6BE-C2A352FAF6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59998" y="4914000"/>
            <a:ext cx="4665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6FC014D-48F2-C0D3-1989-5935E4D0C5CA}"/>
              </a:ext>
            </a:extLst>
          </p:cNvPr>
          <p:cNvSpPr>
            <a:spLocks noGrp="1"/>
          </p:cNvSpPr>
          <p:nvPr>
            <p:ph type="dt" sz="half" idx="17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D59182A7-52C8-4F5C-83C2-1A6D32F2CA0C}" type="datetime4">
              <a:rPr lang="en-US" smtClean="0"/>
              <a:pPr/>
              <a:t>March 28, 2024</a:t>
            </a:fld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FAAF02C-181B-B298-5C9A-977B7A37448D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613BA8D-C0E7-4A69-0F99-E0A958F1117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9012713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0" userDrawn="1">
          <p15:clr>
            <a:srgbClr val="A4A3A4"/>
          </p15:clr>
        </p15:guide>
        <p15:guide id="2" orient="horz" pos="3095" userDrawn="1">
          <p15:clr>
            <a:srgbClr val="A4A3A4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24391F2-103A-BFC2-414A-11A5C41821BE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6186488" y="0"/>
            <a:ext cx="6005512" cy="6678000"/>
          </a:xfrm>
          <a:custGeom>
            <a:avLst/>
            <a:gdLst>
              <a:gd name="connsiteX0" fmla="*/ 0 w 6005512"/>
              <a:gd name="connsiteY0" fmla="*/ 0 h 6678000"/>
              <a:gd name="connsiteX1" fmla="*/ 6005512 w 6005512"/>
              <a:gd name="connsiteY1" fmla="*/ 0 h 6678000"/>
              <a:gd name="connsiteX2" fmla="*/ 6005512 w 6005512"/>
              <a:gd name="connsiteY2" fmla="*/ 6678000 h 6678000"/>
              <a:gd name="connsiteX3" fmla="*/ 0 w 6005512"/>
              <a:gd name="connsiteY3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005512" h="6678000">
                <a:moveTo>
                  <a:pt x="0" y="0"/>
                </a:moveTo>
                <a:lnTo>
                  <a:pt x="6005512" y="0"/>
                </a:lnTo>
                <a:lnTo>
                  <a:pt x="6005512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360000"/>
            <a:ext cx="5554800" cy="1188000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000" y="1548000"/>
            <a:ext cx="55548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fld id="{8FFD326C-018A-4894-8DB9-E41E9879FFF5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068774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3735" userDrawn="1">
          <p15:clr>
            <a:srgbClr val="A4A3A4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360000"/>
            <a:ext cx="5554800" cy="1188000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9" name="Picture placeholder">
            <a:extLst>
              <a:ext uri="{FF2B5EF4-FFF2-40B4-BE49-F238E27FC236}">
                <a16:creationId xmlns:a16="http://schemas.microsoft.com/office/drawing/2014/main" id="{F89E64EB-2B99-E7A3-99A9-CCE6C1DB19F5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174078" y="0"/>
            <a:ext cx="3340800" cy="3340800"/>
          </a:xfrm>
          <a:custGeom>
            <a:avLst/>
            <a:gdLst>
              <a:gd name="connsiteX0" fmla="*/ 3429000 w 6842580"/>
              <a:gd name="connsiteY0" fmla="*/ 0 h 6858000"/>
              <a:gd name="connsiteX1" fmla="*/ 6840296 w 6842580"/>
              <a:gd name="connsiteY1" fmla="*/ 3078405 h 6858000"/>
              <a:gd name="connsiteX2" fmla="*/ 6842580 w 6842580"/>
              <a:gd name="connsiteY2" fmla="*/ 3123630 h 6858000"/>
              <a:gd name="connsiteX3" fmla="*/ 6842580 w 6842580"/>
              <a:gd name="connsiteY3" fmla="*/ 3734370 h 6858000"/>
              <a:gd name="connsiteX4" fmla="*/ 6840296 w 6842580"/>
              <a:gd name="connsiteY4" fmla="*/ 3779595 h 6858000"/>
              <a:gd name="connsiteX5" fmla="*/ 3429000 w 6842580"/>
              <a:gd name="connsiteY5" fmla="*/ 6858000 h 6858000"/>
              <a:gd name="connsiteX6" fmla="*/ 0 w 6842580"/>
              <a:gd name="connsiteY6" fmla="*/ 3429000 h 6858000"/>
              <a:gd name="connsiteX7" fmla="*/ 3429000 w 6842580"/>
              <a:gd name="connsiteY7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842580" h="6858000">
                <a:moveTo>
                  <a:pt x="3429000" y="0"/>
                </a:moveTo>
                <a:cubicBezTo>
                  <a:pt x="5204423" y="0"/>
                  <a:pt x="6664697" y="1349311"/>
                  <a:pt x="6840296" y="3078405"/>
                </a:cubicBezTo>
                <a:lnTo>
                  <a:pt x="6842580" y="3123630"/>
                </a:lnTo>
                <a:lnTo>
                  <a:pt x="6842580" y="3734370"/>
                </a:lnTo>
                <a:lnTo>
                  <a:pt x="6840296" y="3779595"/>
                </a:lnTo>
                <a:cubicBezTo>
                  <a:pt x="6664697" y="5508689"/>
                  <a:pt x="5204423" y="6858000"/>
                  <a:pt x="3429000" y="6858000"/>
                </a:cubicBezTo>
                <a:cubicBezTo>
                  <a:pt x="1535216" y="6858000"/>
                  <a:pt x="0" y="5322784"/>
                  <a:pt x="0" y="3429000"/>
                </a:cubicBezTo>
                <a:cubicBezTo>
                  <a:pt x="0" y="1535216"/>
                  <a:pt x="1535216" y="0"/>
                  <a:pt x="3429000" y="0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2" name="Picture placeholder">
            <a:extLst>
              <a:ext uri="{FF2B5EF4-FFF2-40B4-BE49-F238E27FC236}">
                <a16:creationId xmlns:a16="http://schemas.microsoft.com/office/drawing/2014/main" id="{1CFEFA76-7AAB-CD9E-8240-283FFF57C1FD}"/>
              </a:ext>
            </a:extLst>
          </p:cNvPr>
          <p:cNvSpPr>
            <a:spLocks noGrp="1" noChangeAspect="1"/>
          </p:cNvSpPr>
          <p:nvPr>
            <p:ph type="pic" sz="quarter" idx="18"/>
          </p:nvPr>
        </p:nvSpPr>
        <p:spPr>
          <a:xfrm>
            <a:off x="6174078" y="3340800"/>
            <a:ext cx="3340800" cy="3340800"/>
          </a:xfrm>
          <a:custGeom>
            <a:avLst/>
            <a:gdLst>
              <a:gd name="connsiteX0" fmla="*/ 3429000 w 6842580"/>
              <a:gd name="connsiteY0" fmla="*/ 0 h 6858000"/>
              <a:gd name="connsiteX1" fmla="*/ 6840296 w 6842580"/>
              <a:gd name="connsiteY1" fmla="*/ 3078405 h 6858000"/>
              <a:gd name="connsiteX2" fmla="*/ 6842580 w 6842580"/>
              <a:gd name="connsiteY2" fmla="*/ 3123630 h 6858000"/>
              <a:gd name="connsiteX3" fmla="*/ 6842580 w 6842580"/>
              <a:gd name="connsiteY3" fmla="*/ 3734370 h 6858000"/>
              <a:gd name="connsiteX4" fmla="*/ 6840296 w 6842580"/>
              <a:gd name="connsiteY4" fmla="*/ 3779595 h 6858000"/>
              <a:gd name="connsiteX5" fmla="*/ 3429000 w 6842580"/>
              <a:gd name="connsiteY5" fmla="*/ 6858000 h 6858000"/>
              <a:gd name="connsiteX6" fmla="*/ 0 w 6842580"/>
              <a:gd name="connsiteY6" fmla="*/ 3429000 h 6858000"/>
              <a:gd name="connsiteX7" fmla="*/ 3429000 w 6842580"/>
              <a:gd name="connsiteY7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842580" h="6858000">
                <a:moveTo>
                  <a:pt x="3429000" y="0"/>
                </a:moveTo>
                <a:cubicBezTo>
                  <a:pt x="5204423" y="0"/>
                  <a:pt x="6664697" y="1349311"/>
                  <a:pt x="6840296" y="3078405"/>
                </a:cubicBezTo>
                <a:lnTo>
                  <a:pt x="6842580" y="3123630"/>
                </a:lnTo>
                <a:lnTo>
                  <a:pt x="6842580" y="3734370"/>
                </a:lnTo>
                <a:lnTo>
                  <a:pt x="6840296" y="3779595"/>
                </a:lnTo>
                <a:cubicBezTo>
                  <a:pt x="6664697" y="5508689"/>
                  <a:pt x="5204423" y="6858000"/>
                  <a:pt x="3429000" y="6858000"/>
                </a:cubicBezTo>
                <a:cubicBezTo>
                  <a:pt x="1535216" y="6858000"/>
                  <a:pt x="0" y="5322784"/>
                  <a:pt x="0" y="3429000"/>
                </a:cubicBezTo>
                <a:cubicBezTo>
                  <a:pt x="0" y="1535216"/>
                  <a:pt x="1535216" y="0"/>
                  <a:pt x="3429000" y="0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8E845404-4710-9242-DCD5-03C8D03C498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514800" y="0"/>
            <a:ext cx="2677200" cy="3340800"/>
          </a:xfrm>
          <a:custGeom>
            <a:avLst/>
            <a:gdLst>
              <a:gd name="connsiteX0" fmla="*/ 1674164 w 2677200"/>
              <a:gd name="connsiteY0" fmla="*/ 0 h 3340800"/>
              <a:gd name="connsiteX1" fmla="*/ 2559469 w 2677200"/>
              <a:gd name="connsiteY1" fmla="*/ 252393 h 3340800"/>
              <a:gd name="connsiteX2" fmla="*/ 2677200 w 2677200"/>
              <a:gd name="connsiteY2" fmla="*/ 333294 h 3340800"/>
              <a:gd name="connsiteX3" fmla="*/ 2677200 w 2677200"/>
              <a:gd name="connsiteY3" fmla="*/ 3007507 h 3340800"/>
              <a:gd name="connsiteX4" fmla="*/ 2559469 w 2677200"/>
              <a:gd name="connsiteY4" fmla="*/ 3088407 h 3340800"/>
              <a:gd name="connsiteX5" fmla="*/ 1674164 w 2677200"/>
              <a:gd name="connsiteY5" fmla="*/ 3340800 h 3340800"/>
              <a:gd name="connsiteX6" fmla="*/ 0 w 2677200"/>
              <a:gd name="connsiteY6" fmla="*/ 1670400 h 3340800"/>
              <a:gd name="connsiteX7" fmla="*/ 1674164 w 2677200"/>
              <a:gd name="connsiteY7" fmla="*/ 0 h 3340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2677200" h="3340800">
                <a:moveTo>
                  <a:pt x="1674164" y="0"/>
                </a:moveTo>
                <a:cubicBezTo>
                  <a:pt x="1999224" y="0"/>
                  <a:pt x="2302647" y="92433"/>
                  <a:pt x="2559469" y="252393"/>
                </a:cubicBezTo>
                <a:lnTo>
                  <a:pt x="2677200" y="333294"/>
                </a:lnTo>
                <a:lnTo>
                  <a:pt x="2677200" y="3007507"/>
                </a:lnTo>
                <a:lnTo>
                  <a:pt x="2559469" y="3088407"/>
                </a:lnTo>
                <a:cubicBezTo>
                  <a:pt x="2302647" y="3248367"/>
                  <a:pt x="1999224" y="3340800"/>
                  <a:pt x="1674164" y="3340800"/>
                </a:cubicBezTo>
                <a:cubicBezTo>
                  <a:pt x="749549" y="3340800"/>
                  <a:pt x="0" y="2592936"/>
                  <a:pt x="0" y="1670400"/>
                </a:cubicBezTo>
                <a:cubicBezTo>
                  <a:pt x="0" y="747864"/>
                  <a:pt x="749549" y="0"/>
                  <a:pt x="1674164" y="0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8599B5F6-96C5-0E49-A7A0-A1440F2C3119}"/>
              </a:ext>
            </a:extLst>
          </p:cNvPr>
          <p:cNvSpPr>
            <a:spLocks noGrp="1" noChangeAspect="1"/>
          </p:cNvSpPr>
          <p:nvPr>
            <p:ph type="pic" sz="quarter" idx="22"/>
          </p:nvPr>
        </p:nvSpPr>
        <p:spPr>
          <a:xfrm>
            <a:off x="9514800" y="3340800"/>
            <a:ext cx="2677200" cy="3340800"/>
          </a:xfrm>
          <a:custGeom>
            <a:avLst/>
            <a:gdLst>
              <a:gd name="connsiteX0" fmla="*/ 1674164 w 2677200"/>
              <a:gd name="connsiteY0" fmla="*/ 0 h 3340800"/>
              <a:gd name="connsiteX1" fmla="*/ 2559469 w 2677200"/>
              <a:gd name="connsiteY1" fmla="*/ 252393 h 3340800"/>
              <a:gd name="connsiteX2" fmla="*/ 2677200 w 2677200"/>
              <a:gd name="connsiteY2" fmla="*/ 333294 h 3340800"/>
              <a:gd name="connsiteX3" fmla="*/ 2677200 w 2677200"/>
              <a:gd name="connsiteY3" fmla="*/ 3007507 h 3340800"/>
              <a:gd name="connsiteX4" fmla="*/ 2559469 w 2677200"/>
              <a:gd name="connsiteY4" fmla="*/ 3088407 h 3340800"/>
              <a:gd name="connsiteX5" fmla="*/ 1674164 w 2677200"/>
              <a:gd name="connsiteY5" fmla="*/ 3340800 h 3340800"/>
              <a:gd name="connsiteX6" fmla="*/ 0 w 2677200"/>
              <a:gd name="connsiteY6" fmla="*/ 1670400 h 3340800"/>
              <a:gd name="connsiteX7" fmla="*/ 1674164 w 2677200"/>
              <a:gd name="connsiteY7" fmla="*/ 0 h 3340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2677200" h="3340800">
                <a:moveTo>
                  <a:pt x="1674164" y="0"/>
                </a:moveTo>
                <a:cubicBezTo>
                  <a:pt x="1999224" y="0"/>
                  <a:pt x="2302647" y="92433"/>
                  <a:pt x="2559469" y="252393"/>
                </a:cubicBezTo>
                <a:lnTo>
                  <a:pt x="2677200" y="333294"/>
                </a:lnTo>
                <a:lnTo>
                  <a:pt x="2677200" y="3007507"/>
                </a:lnTo>
                <a:lnTo>
                  <a:pt x="2559469" y="3088407"/>
                </a:lnTo>
                <a:cubicBezTo>
                  <a:pt x="2302647" y="3248367"/>
                  <a:pt x="1999224" y="3340800"/>
                  <a:pt x="1674164" y="3340800"/>
                </a:cubicBezTo>
                <a:cubicBezTo>
                  <a:pt x="749549" y="3340800"/>
                  <a:pt x="0" y="2592936"/>
                  <a:pt x="0" y="1670400"/>
                </a:cubicBezTo>
                <a:cubicBezTo>
                  <a:pt x="0" y="747864"/>
                  <a:pt x="749549" y="0"/>
                  <a:pt x="1674164" y="0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000" y="1548000"/>
            <a:ext cx="55548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fld id="{8FFD326C-018A-4894-8DB9-E41E9879FFF5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399855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3735" userDrawn="1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73A48FFF-ACA8-0940-92CC-704D7C1A82A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6818184" y="0"/>
            <a:ext cx="5373816" cy="6678000"/>
          </a:xfrm>
          <a:custGeom>
            <a:avLst/>
            <a:gdLst>
              <a:gd name="connsiteX0" fmla="*/ 989110 w 5373816"/>
              <a:gd name="connsiteY0" fmla="*/ 0 h 6678000"/>
              <a:gd name="connsiteX1" fmla="*/ 5373816 w 5373816"/>
              <a:gd name="connsiteY1" fmla="*/ 0 h 6678000"/>
              <a:gd name="connsiteX2" fmla="*/ 5373816 w 5373816"/>
              <a:gd name="connsiteY2" fmla="*/ 6678000 h 6678000"/>
              <a:gd name="connsiteX3" fmla="*/ 881118 w 5373816"/>
              <a:gd name="connsiteY3" fmla="*/ 6678000 h 6678000"/>
              <a:gd name="connsiteX4" fmla="*/ 722679 w 5373816"/>
              <a:gd name="connsiteY4" fmla="*/ 6396559 h 6678000"/>
              <a:gd name="connsiteX5" fmla="*/ 0 w 5373816"/>
              <a:gd name="connsiteY5" fmla="*/ 3428999 h 6678000"/>
              <a:gd name="connsiteX6" fmla="*/ 877934 w 5373816"/>
              <a:gd name="connsiteY6" fmla="*/ 180212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5373816" h="6678000">
                <a:moveTo>
                  <a:pt x="989110" y="0"/>
                </a:moveTo>
                <a:lnTo>
                  <a:pt x="5373816" y="0"/>
                </a:lnTo>
                <a:lnTo>
                  <a:pt x="5373816" y="6678000"/>
                </a:lnTo>
                <a:lnTo>
                  <a:pt x="881118" y="6678000"/>
                </a:lnTo>
                <a:lnTo>
                  <a:pt x="722679" y="6396559"/>
                </a:lnTo>
                <a:cubicBezTo>
                  <a:pt x="260945" y="5508423"/>
                  <a:pt x="0" y="4499185"/>
                  <a:pt x="0" y="3428999"/>
                </a:cubicBezTo>
                <a:cubicBezTo>
                  <a:pt x="0" y="2244151"/>
                  <a:pt x="319857" y="1134010"/>
                  <a:pt x="877934" y="180212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360000"/>
            <a:ext cx="5647100" cy="1188000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fld id="{8FFD326C-018A-4894-8DB9-E41E9879FFF5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000" y="1548000"/>
            <a:ext cx="56471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0848724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3735" userDrawn="1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360000"/>
            <a:ext cx="3704400" cy="26100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15600"/>
            <a:ext cx="3704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</a:p>
          <a:p>
            <a:pPr lvl="1"/>
            <a:endParaRPr lang="en-US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244400" y="360000"/>
            <a:ext cx="3704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4244400" y="3315600"/>
            <a:ext cx="3704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</a:p>
          <a:p>
            <a:pPr lvl="1"/>
            <a:endParaRPr lang="en-US" noProof="0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DDB3A432-B5B7-1DB6-A154-728FC5E0DDA2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8128800" y="360000"/>
            <a:ext cx="3704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</a:p>
          <a:p>
            <a:pPr lvl="1"/>
            <a:endParaRPr lang="en-US" noProof="0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A5080388-917E-C36A-04A1-C8069CBFA980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8128800" y="3315600"/>
            <a:ext cx="3704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</a:p>
          <a:p>
            <a:pPr lvl="1"/>
            <a:endParaRPr lang="en-US" noProof="0" dirty="0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FB77C07A-1F65-CF77-492D-DBD0BF9AC6D0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D1A99176-90AC-4CBD-AC3F-F2E334146085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31C8A68B-09F1-8A01-0B41-B749EB75BDF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7D4DB7C6-4824-1E64-7E62-3A8BAB08238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71514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3733" userDrawn="1">
          <p15:clr>
            <a:srgbClr val="A4A3A4"/>
          </p15:clr>
        </p15:guide>
        <p15:guide id="3" orient="horz" pos="2088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360000"/>
            <a:ext cx="2732400" cy="26100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15600"/>
            <a:ext cx="2732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</a:p>
          <a:p>
            <a:pPr lvl="1"/>
            <a:endParaRPr lang="en-US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272400" y="360000"/>
            <a:ext cx="2732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3272400" y="3315600"/>
            <a:ext cx="2732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</a:p>
          <a:p>
            <a:pPr lvl="1"/>
            <a:endParaRPr lang="en-US" noProof="0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DDB3A432-B5B7-1DB6-A154-728FC5E0DDA2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6186488" y="360000"/>
            <a:ext cx="2732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</a:p>
          <a:p>
            <a:pPr lvl="1"/>
            <a:endParaRPr lang="en-US" noProof="0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A5080388-917E-C36A-04A1-C8069CBFA980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6186488" y="3315600"/>
            <a:ext cx="2732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</a:p>
          <a:p>
            <a:pPr lvl="1"/>
            <a:endParaRPr lang="en-US" noProof="0" dirty="0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FB77C07A-1F65-CF77-492D-DBD0BF9AC6D0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47570110-94A3-455E-9208-8583FD071E74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31C8A68B-09F1-8A01-0B41-B749EB75BDF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7D4DB7C6-4824-1E64-7E62-3A8BAB08238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Content Placeholder 4">
            <a:extLst>
              <a:ext uri="{FF2B5EF4-FFF2-40B4-BE49-F238E27FC236}">
                <a16:creationId xmlns:a16="http://schemas.microsoft.com/office/drawing/2014/main" id="{3DBDC930-EF32-F81E-E492-F1792A03922C}"/>
              </a:ext>
            </a:extLst>
          </p:cNvPr>
          <p:cNvSpPr>
            <a:spLocks noGrp="1"/>
          </p:cNvSpPr>
          <p:nvPr>
            <p:ph sz="half" idx="22" hasCustomPrompt="1"/>
          </p:nvPr>
        </p:nvSpPr>
        <p:spPr>
          <a:xfrm>
            <a:off x="9100800" y="360000"/>
            <a:ext cx="2732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</a:p>
          <a:p>
            <a:pPr lvl="1"/>
            <a:endParaRPr lang="en-US" noProof="0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1FBB305-A006-8062-DB21-A7051AB973F8}"/>
              </a:ext>
            </a:extLst>
          </p:cNvPr>
          <p:cNvSpPr>
            <a:spLocks noGrp="1"/>
          </p:cNvSpPr>
          <p:nvPr>
            <p:ph sz="half" idx="23" hasCustomPrompt="1"/>
          </p:nvPr>
        </p:nvSpPr>
        <p:spPr>
          <a:xfrm>
            <a:off x="9100800" y="3315600"/>
            <a:ext cx="27324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</a:p>
          <a:p>
            <a:pPr lvl="1"/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2453680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3733" userDrawn="1">
          <p15:clr>
            <a:srgbClr val="A4A3A4"/>
          </p15:clr>
        </p15:guide>
        <p15:guide id="3" orient="horz" pos="2088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27" name="Freeform: Shape blue">
            <a:extLst>
              <a:ext uri="{FF2B5EF4-FFF2-40B4-BE49-F238E27FC236}">
                <a16:creationId xmlns:a16="http://schemas.microsoft.com/office/drawing/2014/main" id="{31E426DB-7F2D-333D-7968-7D5663AD9132}"/>
              </a:ext>
            </a:extLst>
          </p:cNvPr>
          <p:cNvSpPr>
            <a:spLocks noChangeAspect="1"/>
          </p:cNvSpPr>
          <p:nvPr/>
        </p:nvSpPr>
        <p:spPr>
          <a:xfrm>
            <a:off x="6044821" y="2269487"/>
            <a:ext cx="6147179" cy="4588513"/>
          </a:xfrm>
          <a:custGeom>
            <a:avLst/>
            <a:gdLst>
              <a:gd name="connsiteX0" fmla="*/ 4048199 w 6147179"/>
              <a:gd name="connsiteY0" fmla="*/ 0 h 4588513"/>
              <a:gd name="connsiteX1" fmla="*/ 5977811 w 6147179"/>
              <a:gd name="connsiteY1" fmla="*/ 488596 h 4588513"/>
              <a:gd name="connsiteX2" fmla="*/ 6147179 w 6147179"/>
              <a:gd name="connsiteY2" fmla="*/ 585980 h 4588513"/>
              <a:gd name="connsiteX3" fmla="*/ 6147179 w 6147179"/>
              <a:gd name="connsiteY3" fmla="*/ 4588513 h 4588513"/>
              <a:gd name="connsiteX4" fmla="*/ 40192 w 6147179"/>
              <a:gd name="connsiteY4" fmla="*/ 4588513 h 4588513"/>
              <a:gd name="connsiteX5" fmla="*/ 20900 w 6147179"/>
              <a:gd name="connsiteY5" fmla="*/ 4462105 h 4588513"/>
              <a:gd name="connsiteX6" fmla="*/ 0 w 6147179"/>
              <a:gd name="connsiteY6" fmla="*/ 4048200 h 4588513"/>
              <a:gd name="connsiteX7" fmla="*/ 4048199 w 6147179"/>
              <a:gd name="connsiteY7" fmla="*/ 0 h 45885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147179" h="4588513">
                <a:moveTo>
                  <a:pt x="4048199" y="0"/>
                </a:moveTo>
                <a:cubicBezTo>
                  <a:pt x="4746874" y="0"/>
                  <a:pt x="5404209" y="176996"/>
                  <a:pt x="5977811" y="488596"/>
                </a:cubicBezTo>
                <a:lnTo>
                  <a:pt x="6147179" y="585980"/>
                </a:lnTo>
                <a:lnTo>
                  <a:pt x="6147179" y="4588513"/>
                </a:lnTo>
                <a:lnTo>
                  <a:pt x="40192" y="4588513"/>
                </a:lnTo>
                <a:lnTo>
                  <a:pt x="20900" y="4462105"/>
                </a:lnTo>
                <a:cubicBezTo>
                  <a:pt x="7079" y="4326017"/>
                  <a:pt x="0" y="4187935"/>
                  <a:pt x="0" y="4048200"/>
                </a:cubicBezTo>
                <a:cubicBezTo>
                  <a:pt x="0" y="1812441"/>
                  <a:pt x="1812440" y="0"/>
                  <a:pt x="4048199" y="0"/>
                </a:cubicBezTo>
                <a:close/>
              </a:path>
            </a:pathLst>
          </a:cu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5" name="Freeform: Shape green">
            <a:extLst>
              <a:ext uri="{FF2B5EF4-FFF2-40B4-BE49-F238E27FC236}">
                <a16:creationId xmlns:a16="http://schemas.microsoft.com/office/drawing/2014/main" id="{B5A921A9-5C3C-FB63-07DA-B53194F1DFD2}"/>
              </a:ext>
            </a:extLst>
          </p:cNvPr>
          <p:cNvSpPr>
            <a:spLocks noChangeAspect="1"/>
          </p:cNvSpPr>
          <p:nvPr/>
        </p:nvSpPr>
        <p:spPr>
          <a:xfrm>
            <a:off x="6044823" y="1"/>
            <a:ext cx="6147177" cy="4340701"/>
          </a:xfrm>
          <a:custGeom>
            <a:avLst/>
            <a:gdLst>
              <a:gd name="connsiteX0" fmla="*/ 11668 w 6147177"/>
              <a:gd name="connsiteY0" fmla="*/ 0 h 4340701"/>
              <a:gd name="connsiteX1" fmla="*/ 6147177 w 6147177"/>
              <a:gd name="connsiteY1" fmla="*/ 0 h 4340701"/>
              <a:gd name="connsiteX2" fmla="*/ 6147177 w 6147177"/>
              <a:gd name="connsiteY2" fmla="*/ 3754722 h 4340701"/>
              <a:gd name="connsiteX3" fmla="*/ 5977812 w 6147177"/>
              <a:gd name="connsiteY3" fmla="*/ 3852105 h 4340701"/>
              <a:gd name="connsiteX4" fmla="*/ 4048199 w 6147177"/>
              <a:gd name="connsiteY4" fmla="*/ 4340701 h 4340701"/>
              <a:gd name="connsiteX5" fmla="*/ 0 w 6147177"/>
              <a:gd name="connsiteY5" fmla="*/ 292501 h 4340701"/>
              <a:gd name="connsiteX6" fmla="*/ 5267 w 6147177"/>
              <a:gd name="connsiteY6" fmla="*/ 84181 h 43407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6147177" h="4340701">
                <a:moveTo>
                  <a:pt x="11668" y="0"/>
                </a:moveTo>
                <a:lnTo>
                  <a:pt x="6147177" y="0"/>
                </a:lnTo>
                <a:lnTo>
                  <a:pt x="6147177" y="3754722"/>
                </a:lnTo>
                <a:lnTo>
                  <a:pt x="5977812" y="3852105"/>
                </a:lnTo>
                <a:cubicBezTo>
                  <a:pt x="5404209" y="4163705"/>
                  <a:pt x="4746874" y="4340701"/>
                  <a:pt x="4048199" y="4340701"/>
                </a:cubicBezTo>
                <a:cubicBezTo>
                  <a:pt x="1812440" y="4340701"/>
                  <a:pt x="0" y="2528260"/>
                  <a:pt x="0" y="292501"/>
                </a:cubicBezTo>
                <a:cubicBezTo>
                  <a:pt x="0" y="222634"/>
                  <a:pt x="1769" y="153180"/>
                  <a:pt x="5267" y="84181"/>
                </a:cubicBezTo>
                <a:close/>
              </a:path>
            </a:pathLst>
          </a:custGeom>
          <a:solidFill>
            <a:srgbClr val="03CC5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8" name="Freeform: Shape light green">
            <a:extLst>
              <a:ext uri="{FF2B5EF4-FFF2-40B4-BE49-F238E27FC236}">
                <a16:creationId xmlns:a16="http://schemas.microsoft.com/office/drawing/2014/main" id="{EE71B6D0-BEA2-7EBD-6822-2187F5F2B982}"/>
              </a:ext>
            </a:extLst>
          </p:cNvPr>
          <p:cNvSpPr/>
          <p:nvPr/>
        </p:nvSpPr>
        <p:spPr>
          <a:xfrm rot="2700000">
            <a:off x="8159851" y="1444820"/>
            <a:ext cx="3710922" cy="3716270"/>
          </a:xfrm>
          <a:custGeom>
            <a:avLst/>
            <a:gdLst>
              <a:gd name="connsiteX0" fmla="*/ 1180065 w 3710922"/>
              <a:gd name="connsiteY0" fmla="*/ 1065592 h 3716270"/>
              <a:gd name="connsiteX1" fmla="*/ 2934165 w 3710922"/>
              <a:gd name="connsiteY1" fmla="*/ 33570 h 3716270"/>
              <a:gd name="connsiteX2" fmla="*/ 3075627 w 3710922"/>
              <a:gd name="connsiteY2" fmla="*/ 0 h 3716270"/>
              <a:gd name="connsiteX3" fmla="*/ 3710922 w 3710922"/>
              <a:gd name="connsiteY3" fmla="*/ 635295 h 3716270"/>
              <a:gd name="connsiteX4" fmla="*/ 3675962 w 3710922"/>
              <a:gd name="connsiteY4" fmla="*/ 782617 h 3716270"/>
              <a:gd name="connsiteX5" fmla="*/ 195563 w 3710922"/>
              <a:gd name="connsiteY5" fmla="*/ 3701399 h 3716270"/>
              <a:gd name="connsiteX6" fmla="*/ 0 w 3710922"/>
              <a:gd name="connsiteY6" fmla="*/ 3716270 h 3716270"/>
              <a:gd name="connsiteX7" fmla="*/ 15383 w 3710922"/>
              <a:gd name="connsiteY7" fmla="*/ 3513968 h 3716270"/>
              <a:gd name="connsiteX8" fmla="*/ 1180065 w 3710922"/>
              <a:gd name="connsiteY8" fmla="*/ 1065592 h 3716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710922" h="3716270">
                <a:moveTo>
                  <a:pt x="1180065" y="1065592"/>
                </a:moveTo>
                <a:cubicBezTo>
                  <a:pt x="1660775" y="584882"/>
                  <a:pt x="2261833" y="224517"/>
                  <a:pt x="2934165" y="33570"/>
                </a:cubicBezTo>
                <a:lnTo>
                  <a:pt x="3075627" y="0"/>
                </a:lnTo>
                <a:lnTo>
                  <a:pt x="3710922" y="635295"/>
                </a:lnTo>
                <a:lnTo>
                  <a:pt x="3675962" y="782617"/>
                </a:lnTo>
                <a:cubicBezTo>
                  <a:pt x="3230418" y="2351394"/>
                  <a:pt x="1862494" y="3532113"/>
                  <a:pt x="195563" y="3701399"/>
                </a:cubicBezTo>
                <a:lnTo>
                  <a:pt x="0" y="3716270"/>
                </a:lnTo>
                <a:lnTo>
                  <a:pt x="15383" y="3513968"/>
                </a:lnTo>
                <a:cubicBezTo>
                  <a:pt x="112118" y="2561436"/>
                  <a:pt x="539117" y="1706540"/>
                  <a:pt x="1180065" y="1065592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5" name="Dynamic legal" descr="{&quot;templafy&quot;:{&quot;id&quot;:&quot;1f6c0539-8788-4061-a44d-e1b747684180&quot;}}">
            <a:extLst>
              <a:ext uri="{FF2B5EF4-FFF2-40B4-BE49-F238E27FC236}">
                <a16:creationId xmlns:a16="http://schemas.microsoft.com/office/drawing/2014/main" id="{1A744815-9D21-60F3-551C-DDEB30B6981D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7" name="Dynamic Internal use only" descr="{&quot;templafy&quot;:{&quot;id&quot;:&quot;e462b35b-2271-4d7d-861b-4b0a0eb0804d&quot;}}" hidden="1" title="Form.Cigna_Confidentiality.Cigna_groupConfidentiality">
            <a:extLst>
              <a:ext uri="{FF2B5EF4-FFF2-40B4-BE49-F238E27FC236}">
                <a16:creationId xmlns:a16="http://schemas.microsoft.com/office/drawing/2014/main" id="{085A67CE-86D2-DD6C-C170-79A758FF3BB5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B5BB3A76-CE38-C474-627F-37EE8944BBA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6150746"/>
            <a:ext cx="910800" cy="346892"/>
          </a:xfrm>
          <a:prstGeom prst="rect">
            <a:avLst/>
          </a:prstGeom>
        </p:spPr>
      </p:pic>
      <p:sp>
        <p:nvSpPr>
          <p:cNvPr id="11" name="Title 10">
            <a:extLst>
              <a:ext uri="{FF2B5EF4-FFF2-40B4-BE49-F238E27FC236}">
                <a16:creationId xmlns:a16="http://schemas.microsoft.com/office/drawing/2014/main" id="{9B5E0337-74F5-4572-A0BC-0CB01539BB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360000" y="360000"/>
            <a:ext cx="5475600" cy="5580000"/>
          </a:xfrm>
        </p:spPr>
        <p:txBody>
          <a:bodyPr/>
          <a:lstStyle>
            <a:lvl1pPr>
              <a:defRPr sz="5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60D7D57F-6698-4FDF-A181-F1E45936E15E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AE59745-F918-859C-7D59-276B365808B8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5254079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Thanks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8" name="Freeform: Shape 7">
            <a:extLst>
              <a:ext uri="{FF2B5EF4-FFF2-40B4-BE49-F238E27FC236}">
                <a16:creationId xmlns:a16="http://schemas.microsoft.com/office/drawing/2014/main" id="{1A5DD675-6B83-96B7-CA9D-57603EFE2341}"/>
              </a:ext>
            </a:extLst>
          </p:cNvPr>
          <p:cNvSpPr/>
          <p:nvPr userDrawn="1"/>
        </p:nvSpPr>
        <p:spPr>
          <a:xfrm rot="16200000">
            <a:off x="5970126" y="-648580"/>
            <a:ext cx="4854401" cy="6151559"/>
          </a:xfrm>
          <a:custGeom>
            <a:avLst/>
            <a:gdLst>
              <a:gd name="connsiteX0" fmla="*/ 0 w 4854401"/>
              <a:gd name="connsiteY0" fmla="*/ 3075780 h 6151559"/>
              <a:gd name="connsiteX1" fmla="*/ 0 w 4854401"/>
              <a:gd name="connsiteY1" fmla="*/ 3075780 h 6151559"/>
              <a:gd name="connsiteX2" fmla="*/ 0 w 4854401"/>
              <a:gd name="connsiteY2" fmla="*/ 3075779 h 6151559"/>
              <a:gd name="connsiteX3" fmla="*/ 4854401 w 4854401"/>
              <a:gd name="connsiteY3" fmla="*/ 0 h 6151559"/>
              <a:gd name="connsiteX4" fmla="*/ 4854401 w 4854401"/>
              <a:gd name="connsiteY4" fmla="*/ 6151559 h 6151559"/>
              <a:gd name="connsiteX5" fmla="*/ 3075780 w 4854401"/>
              <a:gd name="connsiteY5" fmla="*/ 6151559 h 6151559"/>
              <a:gd name="connsiteX6" fmla="*/ 15880 w 4854401"/>
              <a:gd name="connsiteY6" fmla="*/ 3390260 h 6151559"/>
              <a:gd name="connsiteX7" fmla="*/ 0 w 4854401"/>
              <a:gd name="connsiteY7" fmla="*/ 3075780 h 6151559"/>
              <a:gd name="connsiteX8" fmla="*/ 15880 w 4854401"/>
              <a:gd name="connsiteY8" fmla="*/ 2761299 h 6151559"/>
              <a:gd name="connsiteX9" fmla="*/ 3075780 w 4854401"/>
              <a:gd name="connsiteY9" fmla="*/ 0 h 61515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4854401" h="6151559">
                <a:moveTo>
                  <a:pt x="0" y="3075780"/>
                </a:moveTo>
                <a:lnTo>
                  <a:pt x="0" y="3075780"/>
                </a:lnTo>
                <a:lnTo>
                  <a:pt x="0" y="3075779"/>
                </a:lnTo>
                <a:close/>
                <a:moveTo>
                  <a:pt x="4854401" y="0"/>
                </a:moveTo>
                <a:lnTo>
                  <a:pt x="4854401" y="6151559"/>
                </a:lnTo>
                <a:lnTo>
                  <a:pt x="3075780" y="6151559"/>
                </a:lnTo>
                <a:cubicBezTo>
                  <a:pt x="1483243" y="6151559"/>
                  <a:pt x="173391" y="4941240"/>
                  <a:pt x="15880" y="3390260"/>
                </a:cubicBezTo>
                <a:lnTo>
                  <a:pt x="0" y="3075780"/>
                </a:lnTo>
                <a:lnTo>
                  <a:pt x="15880" y="2761299"/>
                </a:lnTo>
                <a:cubicBezTo>
                  <a:pt x="173391" y="1210319"/>
                  <a:pt x="1483243" y="0"/>
                  <a:pt x="3075780" y="0"/>
                </a:cubicBez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D7631F3D-B6EF-1225-89CB-6D51E0B88240}"/>
              </a:ext>
            </a:extLst>
          </p:cNvPr>
          <p:cNvSpPr/>
          <p:nvPr userDrawn="1"/>
        </p:nvSpPr>
        <p:spPr>
          <a:xfrm rot="16200000">
            <a:off x="7395528" y="2976361"/>
            <a:ext cx="2003599" cy="5759678"/>
          </a:xfrm>
          <a:custGeom>
            <a:avLst/>
            <a:gdLst>
              <a:gd name="connsiteX0" fmla="*/ 2003599 w 2003599"/>
              <a:gd name="connsiteY0" fmla="*/ 2879839 h 5759678"/>
              <a:gd name="connsiteX1" fmla="*/ 2003598 w 2003599"/>
              <a:gd name="connsiteY1" fmla="*/ 2879839 h 5759678"/>
              <a:gd name="connsiteX2" fmla="*/ 125050 w 2003599"/>
              <a:gd name="connsiteY2" fmla="*/ 5713909 h 5759678"/>
              <a:gd name="connsiteX3" fmla="*/ 0 w 2003599"/>
              <a:gd name="connsiteY3" fmla="*/ 5759678 h 5759678"/>
              <a:gd name="connsiteX4" fmla="*/ 0 w 2003599"/>
              <a:gd name="connsiteY4" fmla="*/ 0 h 5759678"/>
              <a:gd name="connsiteX5" fmla="*/ 125051 w 2003599"/>
              <a:gd name="connsiteY5" fmla="*/ 45770 h 5759678"/>
              <a:gd name="connsiteX6" fmla="*/ 2003599 w 2003599"/>
              <a:gd name="connsiteY6" fmla="*/ 2879839 h 575967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03599" h="5759678">
                <a:moveTo>
                  <a:pt x="2003599" y="2879839"/>
                </a:moveTo>
                <a:lnTo>
                  <a:pt x="2003598" y="2879839"/>
                </a:lnTo>
                <a:cubicBezTo>
                  <a:pt x="2003598" y="4153869"/>
                  <a:pt x="1228994" y="5246980"/>
                  <a:pt x="125050" y="5713909"/>
                </a:cubicBezTo>
                <a:lnTo>
                  <a:pt x="0" y="5759678"/>
                </a:lnTo>
                <a:lnTo>
                  <a:pt x="0" y="0"/>
                </a:lnTo>
                <a:lnTo>
                  <a:pt x="125051" y="45770"/>
                </a:lnTo>
                <a:cubicBezTo>
                  <a:pt x="1228995" y="512698"/>
                  <a:pt x="2003599" y="1605810"/>
                  <a:pt x="2003599" y="2879839"/>
                </a:cubicBez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3" name="Dynamic legal" descr="{&quot;templafy&quot;:{&quot;id&quot;:&quot;d575dbcd-46f7-4e57-aa9b-397fd07a5ea4&quot;}}">
            <a:extLst>
              <a:ext uri="{FF2B5EF4-FFF2-40B4-BE49-F238E27FC236}">
                <a16:creationId xmlns:a16="http://schemas.microsoft.com/office/drawing/2014/main" id="{350458DB-7651-C583-7968-4719F86C3FBB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5" name="Dynamic Internal use only" descr="{&quot;templafy&quot;:{&quot;id&quot;:&quot;3481a056-ea3c-4c71-8f5e-c3d780e8e2d3&quot;}}" hidden="1" title="Form.Cigna_Confidentiality.Cigna_groupConfidentiality">
            <a:extLst>
              <a:ext uri="{FF2B5EF4-FFF2-40B4-BE49-F238E27FC236}">
                <a16:creationId xmlns:a16="http://schemas.microsoft.com/office/drawing/2014/main" id="{FE3F962D-2A73-2BD7-7F29-4109833FE4CD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59" name="Logo">
            <a:extLst>
              <a:ext uri="{FF2B5EF4-FFF2-40B4-BE49-F238E27FC236}">
                <a16:creationId xmlns:a16="http://schemas.microsoft.com/office/drawing/2014/main" id="{91091B0C-8E99-5FDD-C3E6-0CCA3A3431B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5887784"/>
            <a:ext cx="1620000" cy="61700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59999" y="1429200"/>
            <a:ext cx="6615475" cy="2707200"/>
          </a:xfrm>
          <a:noFill/>
        </p:spPr>
        <p:txBody>
          <a:bodyPr anchor="t" anchorCtr="0"/>
          <a:lstStyle>
            <a:lvl1pPr algn="l">
              <a:lnSpc>
                <a:spcPct val="95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70809C9-BA48-4A28-B8CF-92FA8B27137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59999" y="4914000"/>
            <a:ext cx="6615475" cy="320400"/>
          </a:xfrm>
        </p:spPr>
        <p:txBody>
          <a:bodyPr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AF07748-AE73-35B2-8E55-C0EC7A5B525E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D59182A7-52C8-4F5C-83C2-1A6D32F2CA0C}" type="datetime4">
              <a:rPr lang="en-US" smtClean="0"/>
              <a:pPr/>
              <a:t>March 28, 2024</a:t>
            </a:fld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98829D5-FAEC-EFFD-47AA-5120F3C85A27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E67A54C-48D6-8851-A338-09081576169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836176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2" orient="horz" pos="3095">
          <p15:clr>
            <a:srgbClr val="A4A3A4"/>
          </p15:clr>
        </p15:guide>
        <p15:guide id="3" orient="horz" pos="900" userDrawn="1">
          <p15:clr>
            <a:srgbClr val="A4A3A4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Thanks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5E1F5F1F-9F8E-CDE0-8C32-B24FC866F16E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6174078" y="0"/>
            <a:ext cx="6017922" cy="6681600"/>
          </a:xfrm>
          <a:custGeom>
            <a:avLst/>
            <a:gdLst>
              <a:gd name="connsiteX0" fmla="*/ 1670400 w 6017922"/>
              <a:gd name="connsiteY0" fmla="*/ 3340800 h 6681600"/>
              <a:gd name="connsiteX1" fmla="*/ 3332176 w 6017922"/>
              <a:gd name="connsiteY1" fmla="*/ 4840412 h 6681600"/>
              <a:gd name="connsiteX2" fmla="*/ 3340761 w 6017922"/>
              <a:gd name="connsiteY2" fmla="*/ 5010429 h 6681600"/>
              <a:gd name="connsiteX3" fmla="*/ 3349346 w 6017922"/>
              <a:gd name="connsiteY3" fmla="*/ 4840412 h 6681600"/>
              <a:gd name="connsiteX4" fmla="*/ 5011122 w 6017922"/>
              <a:gd name="connsiteY4" fmla="*/ 3340800 h 6681600"/>
              <a:gd name="connsiteX5" fmla="*/ 5945058 w 6017922"/>
              <a:gd name="connsiteY5" fmla="*/ 3626078 h 6681600"/>
              <a:gd name="connsiteX6" fmla="*/ 6017922 w 6017922"/>
              <a:gd name="connsiteY6" fmla="*/ 3680565 h 6681600"/>
              <a:gd name="connsiteX7" fmla="*/ 6017922 w 6017922"/>
              <a:gd name="connsiteY7" fmla="*/ 6341836 h 6681600"/>
              <a:gd name="connsiteX8" fmla="*/ 5945058 w 6017922"/>
              <a:gd name="connsiteY8" fmla="*/ 6396322 h 6681600"/>
              <a:gd name="connsiteX9" fmla="*/ 5011122 w 6017922"/>
              <a:gd name="connsiteY9" fmla="*/ 6681600 h 6681600"/>
              <a:gd name="connsiteX10" fmla="*/ 3349346 w 6017922"/>
              <a:gd name="connsiteY10" fmla="*/ 5181989 h 6681600"/>
              <a:gd name="connsiteX11" fmla="*/ 3340761 w 6017922"/>
              <a:gd name="connsiteY11" fmla="*/ 5011971 h 6681600"/>
              <a:gd name="connsiteX12" fmla="*/ 3332176 w 6017922"/>
              <a:gd name="connsiteY12" fmla="*/ 5181989 h 6681600"/>
              <a:gd name="connsiteX13" fmla="*/ 1670400 w 6017922"/>
              <a:gd name="connsiteY13" fmla="*/ 6681600 h 6681600"/>
              <a:gd name="connsiteX14" fmla="*/ 0 w 6017922"/>
              <a:gd name="connsiteY14" fmla="*/ 5011200 h 6681600"/>
              <a:gd name="connsiteX15" fmla="*/ 1670400 w 6017922"/>
              <a:gd name="connsiteY15" fmla="*/ 3340800 h 6681600"/>
              <a:gd name="connsiteX16" fmla="*/ 1670400 w 6017922"/>
              <a:gd name="connsiteY16" fmla="*/ 0 h 6681600"/>
              <a:gd name="connsiteX17" fmla="*/ 3332176 w 6017922"/>
              <a:gd name="connsiteY17" fmla="*/ 1499611 h 6681600"/>
              <a:gd name="connsiteX18" fmla="*/ 3340761 w 6017922"/>
              <a:gd name="connsiteY18" fmla="*/ 1669629 h 6681600"/>
              <a:gd name="connsiteX19" fmla="*/ 3349346 w 6017922"/>
              <a:gd name="connsiteY19" fmla="*/ 1499611 h 6681600"/>
              <a:gd name="connsiteX20" fmla="*/ 5011122 w 6017922"/>
              <a:gd name="connsiteY20" fmla="*/ 0 h 6681600"/>
              <a:gd name="connsiteX21" fmla="*/ 5945058 w 6017922"/>
              <a:gd name="connsiteY21" fmla="*/ 285278 h 6681600"/>
              <a:gd name="connsiteX22" fmla="*/ 6017922 w 6017922"/>
              <a:gd name="connsiteY22" fmla="*/ 339765 h 6681600"/>
              <a:gd name="connsiteX23" fmla="*/ 6017922 w 6017922"/>
              <a:gd name="connsiteY23" fmla="*/ 3001036 h 6681600"/>
              <a:gd name="connsiteX24" fmla="*/ 5945058 w 6017922"/>
              <a:gd name="connsiteY24" fmla="*/ 3055522 h 6681600"/>
              <a:gd name="connsiteX25" fmla="*/ 5011122 w 6017922"/>
              <a:gd name="connsiteY25" fmla="*/ 3340800 h 6681600"/>
              <a:gd name="connsiteX26" fmla="*/ 3349346 w 6017922"/>
              <a:gd name="connsiteY26" fmla="*/ 1841189 h 6681600"/>
              <a:gd name="connsiteX27" fmla="*/ 3340761 w 6017922"/>
              <a:gd name="connsiteY27" fmla="*/ 1671171 h 6681600"/>
              <a:gd name="connsiteX28" fmla="*/ 3332176 w 6017922"/>
              <a:gd name="connsiteY28" fmla="*/ 1841189 h 6681600"/>
              <a:gd name="connsiteX29" fmla="*/ 1670400 w 6017922"/>
              <a:gd name="connsiteY29" fmla="*/ 3340800 h 6681600"/>
              <a:gd name="connsiteX30" fmla="*/ 0 w 6017922"/>
              <a:gd name="connsiteY30" fmla="*/ 1670400 h 6681600"/>
              <a:gd name="connsiteX31" fmla="*/ 1670400 w 6017922"/>
              <a:gd name="connsiteY31" fmla="*/ 0 h 668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6017922" h="6681600">
                <a:moveTo>
                  <a:pt x="1670400" y="3340800"/>
                </a:moveTo>
                <a:cubicBezTo>
                  <a:pt x="2535278" y="3340800"/>
                  <a:pt x="3246635" y="3998102"/>
                  <a:pt x="3332176" y="4840412"/>
                </a:cubicBezTo>
                <a:lnTo>
                  <a:pt x="3340761" y="5010429"/>
                </a:lnTo>
                <a:lnTo>
                  <a:pt x="3349346" y="4840412"/>
                </a:lnTo>
                <a:cubicBezTo>
                  <a:pt x="3434887" y="3998102"/>
                  <a:pt x="4146244" y="3340800"/>
                  <a:pt x="5011122" y="3340800"/>
                </a:cubicBezTo>
                <a:cubicBezTo>
                  <a:pt x="5357073" y="3340800"/>
                  <a:pt x="5678461" y="3445969"/>
                  <a:pt x="5945058" y="3626078"/>
                </a:cubicBezTo>
                <a:lnTo>
                  <a:pt x="6017922" y="3680565"/>
                </a:lnTo>
                <a:lnTo>
                  <a:pt x="6017922" y="6341836"/>
                </a:lnTo>
                <a:lnTo>
                  <a:pt x="5945058" y="6396322"/>
                </a:lnTo>
                <a:cubicBezTo>
                  <a:pt x="5678461" y="6576432"/>
                  <a:pt x="5357073" y="6681600"/>
                  <a:pt x="5011122" y="6681600"/>
                </a:cubicBezTo>
                <a:cubicBezTo>
                  <a:pt x="4146244" y="6681600"/>
                  <a:pt x="3434887" y="6024298"/>
                  <a:pt x="3349346" y="5181989"/>
                </a:cubicBezTo>
                <a:lnTo>
                  <a:pt x="3340761" y="5011971"/>
                </a:lnTo>
                <a:lnTo>
                  <a:pt x="3332176" y="5181989"/>
                </a:lnTo>
                <a:cubicBezTo>
                  <a:pt x="3246635" y="6024298"/>
                  <a:pt x="2535278" y="6681600"/>
                  <a:pt x="1670400" y="6681600"/>
                </a:cubicBezTo>
                <a:cubicBezTo>
                  <a:pt x="747864" y="6681600"/>
                  <a:pt x="0" y="5933736"/>
                  <a:pt x="0" y="5011200"/>
                </a:cubicBezTo>
                <a:cubicBezTo>
                  <a:pt x="0" y="4088664"/>
                  <a:pt x="747864" y="3340800"/>
                  <a:pt x="1670400" y="3340800"/>
                </a:cubicBezTo>
                <a:close/>
                <a:moveTo>
                  <a:pt x="1670400" y="0"/>
                </a:moveTo>
                <a:cubicBezTo>
                  <a:pt x="2535278" y="0"/>
                  <a:pt x="3246635" y="657302"/>
                  <a:pt x="3332176" y="1499611"/>
                </a:cubicBezTo>
                <a:lnTo>
                  <a:pt x="3340761" y="1669629"/>
                </a:lnTo>
                <a:lnTo>
                  <a:pt x="3349346" y="1499611"/>
                </a:lnTo>
                <a:cubicBezTo>
                  <a:pt x="3434887" y="657302"/>
                  <a:pt x="4146244" y="0"/>
                  <a:pt x="5011122" y="0"/>
                </a:cubicBezTo>
                <a:cubicBezTo>
                  <a:pt x="5357073" y="0"/>
                  <a:pt x="5678461" y="105168"/>
                  <a:pt x="5945058" y="285278"/>
                </a:cubicBezTo>
                <a:lnTo>
                  <a:pt x="6017922" y="339765"/>
                </a:lnTo>
                <a:lnTo>
                  <a:pt x="6017922" y="3001036"/>
                </a:lnTo>
                <a:lnTo>
                  <a:pt x="5945058" y="3055522"/>
                </a:lnTo>
                <a:cubicBezTo>
                  <a:pt x="5678461" y="3235632"/>
                  <a:pt x="5357073" y="3340800"/>
                  <a:pt x="5011122" y="3340800"/>
                </a:cubicBezTo>
                <a:cubicBezTo>
                  <a:pt x="4146244" y="3340800"/>
                  <a:pt x="3434887" y="2683498"/>
                  <a:pt x="3349346" y="1841189"/>
                </a:cubicBezTo>
                <a:lnTo>
                  <a:pt x="3340761" y="1671171"/>
                </a:lnTo>
                <a:lnTo>
                  <a:pt x="3332176" y="1841189"/>
                </a:lnTo>
                <a:cubicBezTo>
                  <a:pt x="3246635" y="2683498"/>
                  <a:pt x="2535278" y="3340800"/>
                  <a:pt x="1670400" y="3340800"/>
                </a:cubicBezTo>
                <a:cubicBezTo>
                  <a:pt x="747864" y="3340800"/>
                  <a:pt x="0" y="2592936"/>
                  <a:pt x="0" y="1670400"/>
                </a:cubicBezTo>
                <a:cubicBezTo>
                  <a:pt x="0" y="747864"/>
                  <a:pt x="747864" y="0"/>
                  <a:pt x="1670400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lIns="3240000" tIns="0" rIns="1404000" anchor="ctr" anchorCtr="0">
            <a:noAutofit/>
          </a:bodyPr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pic>
        <p:nvPicPr>
          <p:cNvPr id="59" name="Logo">
            <a:extLst>
              <a:ext uri="{FF2B5EF4-FFF2-40B4-BE49-F238E27FC236}">
                <a16:creationId xmlns:a16="http://schemas.microsoft.com/office/drawing/2014/main" id="{91091B0C-8E99-5FDD-C3E6-0CCA3A3431B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5887784"/>
            <a:ext cx="1620000" cy="617002"/>
          </a:xfrm>
          <a:prstGeom prst="rect">
            <a:avLst/>
          </a:prstGeom>
        </p:spPr>
      </p:pic>
      <p:sp>
        <p:nvSpPr>
          <p:cNvPr id="3" name="Dynamic legal" descr="{&quot;templafy&quot;:{&quot;id&quot;:&quot;1407e711-72b5-49fe-9e7c-e94a58e59a26&quot;}}">
            <a:extLst>
              <a:ext uri="{FF2B5EF4-FFF2-40B4-BE49-F238E27FC236}">
                <a16:creationId xmlns:a16="http://schemas.microsoft.com/office/drawing/2014/main" id="{065A8D43-1C47-067E-B8C7-DC2FA510C3AE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5" name="Dynamic Internal use only" descr="{&quot;templafy&quot;:{&quot;id&quot;:&quot;a7b53541-50b7-458d-974f-5d72c760e95c&quot;}}" hidden="1" title="Form.Cigna_Confidentiality.Cigna_groupConfidentiality">
            <a:extLst>
              <a:ext uri="{FF2B5EF4-FFF2-40B4-BE49-F238E27FC236}">
                <a16:creationId xmlns:a16="http://schemas.microsoft.com/office/drawing/2014/main" id="{B9BBD576-9CBC-1219-4134-CA494A24B308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59999" y="1429200"/>
            <a:ext cx="4854939" cy="2707200"/>
          </a:xfrm>
          <a:noFill/>
        </p:spPr>
        <p:txBody>
          <a:bodyPr anchor="t" anchorCtr="0"/>
          <a:lstStyle>
            <a:lvl1pPr algn="l">
              <a:lnSpc>
                <a:spcPct val="95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70809C9-BA48-4A28-B8CF-92FA8B27137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59999" y="4914000"/>
            <a:ext cx="4854939" cy="320400"/>
          </a:xfrm>
        </p:spPr>
        <p:txBody>
          <a:bodyPr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DECE3C1-EEFC-B9B9-8178-6039CFD093CA}"/>
              </a:ext>
            </a:extLst>
          </p:cNvPr>
          <p:cNvSpPr>
            <a:spLocks noGrp="1"/>
          </p:cNvSpPr>
          <p:nvPr>
            <p:ph type="dt" sz="half" idx="17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D59182A7-52C8-4F5C-83C2-1A6D32F2CA0C}" type="datetime4">
              <a:rPr lang="en-US" smtClean="0"/>
              <a:pPr/>
              <a:t>March 28, 2024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207BF587-EDB6-E4B8-8AA9-6BA70982470F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E1EDC17-48DE-2A54-9C78-4E160DF957A3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901312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2" orient="horz" pos="3095">
          <p15:clr>
            <a:srgbClr val="A4A3A4"/>
          </p15:clr>
        </p15:guide>
        <p15:guide id="3" orient="horz" pos="900" userDrawn="1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Thanks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Freeform: Shape blue">
            <a:extLst>
              <a:ext uri="{FF2B5EF4-FFF2-40B4-BE49-F238E27FC236}">
                <a16:creationId xmlns:a16="http://schemas.microsoft.com/office/drawing/2014/main" id="{38B870A4-2556-3EF4-E833-46B4B7C33B6D}"/>
              </a:ext>
            </a:extLst>
          </p:cNvPr>
          <p:cNvSpPr/>
          <p:nvPr userDrawn="1"/>
        </p:nvSpPr>
        <p:spPr>
          <a:xfrm>
            <a:off x="5089113" y="1"/>
            <a:ext cx="6026548" cy="4490467"/>
          </a:xfrm>
          <a:custGeom>
            <a:avLst/>
            <a:gdLst>
              <a:gd name="connsiteX0" fmla="*/ 388526 w 6026548"/>
              <a:gd name="connsiteY0" fmla="*/ 0 h 4490467"/>
              <a:gd name="connsiteX1" fmla="*/ 5638022 w 6026548"/>
              <a:gd name="connsiteY1" fmla="*/ 0 h 4490467"/>
              <a:gd name="connsiteX2" fmla="*/ 5662862 w 6026548"/>
              <a:gd name="connsiteY2" fmla="*/ 40888 h 4490467"/>
              <a:gd name="connsiteX3" fmla="*/ 6026548 w 6026548"/>
              <a:gd name="connsiteY3" fmla="*/ 1477194 h 4490467"/>
              <a:gd name="connsiteX4" fmla="*/ 6022627 w 6026548"/>
              <a:gd name="connsiteY4" fmla="*/ 1632256 h 4490467"/>
              <a:gd name="connsiteX5" fmla="*/ 6020443 w 6026548"/>
              <a:gd name="connsiteY5" fmla="*/ 1660981 h 4490467"/>
              <a:gd name="connsiteX6" fmla="*/ 5989931 w 6026548"/>
              <a:gd name="connsiteY6" fmla="*/ 1661752 h 4490467"/>
              <a:gd name="connsiteX7" fmla="*/ 3147277 w 6026548"/>
              <a:gd name="connsiteY7" fmla="*/ 4363015 h 4490467"/>
              <a:gd name="connsiteX8" fmla="*/ 3137825 w 6026548"/>
              <a:gd name="connsiteY8" fmla="*/ 4487317 h 4490467"/>
              <a:gd name="connsiteX9" fmla="*/ 3013274 w 6026548"/>
              <a:gd name="connsiteY9" fmla="*/ 4490467 h 4490467"/>
              <a:gd name="connsiteX10" fmla="*/ 0 w 6026548"/>
              <a:gd name="connsiteY10" fmla="*/ 1477194 h 4490467"/>
              <a:gd name="connsiteX11" fmla="*/ 363686 w 6026548"/>
              <a:gd name="connsiteY11" fmla="*/ 40888 h 44904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6026548" h="4490467">
                <a:moveTo>
                  <a:pt x="388526" y="0"/>
                </a:moveTo>
                <a:lnTo>
                  <a:pt x="5638022" y="0"/>
                </a:lnTo>
                <a:lnTo>
                  <a:pt x="5662862" y="40888"/>
                </a:lnTo>
                <a:cubicBezTo>
                  <a:pt x="5894801" y="467849"/>
                  <a:pt x="6026548" y="957136"/>
                  <a:pt x="6026548" y="1477194"/>
                </a:cubicBezTo>
                <a:cubicBezTo>
                  <a:pt x="6026548" y="1529199"/>
                  <a:pt x="6025231" y="1580897"/>
                  <a:pt x="6022627" y="1632256"/>
                </a:cubicBezTo>
                <a:lnTo>
                  <a:pt x="6020443" y="1660981"/>
                </a:lnTo>
                <a:lnTo>
                  <a:pt x="5989931" y="1661752"/>
                </a:lnTo>
                <a:cubicBezTo>
                  <a:pt x="4500525" y="1737249"/>
                  <a:pt x="3296443" y="2894202"/>
                  <a:pt x="3147277" y="4363015"/>
                </a:cubicBezTo>
                <a:lnTo>
                  <a:pt x="3137825" y="4487317"/>
                </a:lnTo>
                <a:lnTo>
                  <a:pt x="3013274" y="4490467"/>
                </a:lnTo>
                <a:cubicBezTo>
                  <a:pt x="1349089" y="4490467"/>
                  <a:pt x="0" y="3141379"/>
                  <a:pt x="0" y="1477194"/>
                </a:cubicBezTo>
                <a:cubicBezTo>
                  <a:pt x="0" y="957136"/>
                  <a:pt x="131747" y="467849"/>
                  <a:pt x="363686" y="40888"/>
                </a:cubicBez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8" name="Freeform: Shape green">
            <a:extLst>
              <a:ext uri="{FF2B5EF4-FFF2-40B4-BE49-F238E27FC236}">
                <a16:creationId xmlns:a16="http://schemas.microsoft.com/office/drawing/2014/main" id="{9631D01D-33BF-180E-4AE6-973C0F1392E3}"/>
              </a:ext>
            </a:extLst>
          </p:cNvPr>
          <p:cNvSpPr/>
          <p:nvPr userDrawn="1"/>
        </p:nvSpPr>
        <p:spPr>
          <a:xfrm>
            <a:off x="8226938" y="1660983"/>
            <a:ext cx="2882618" cy="2826337"/>
          </a:xfrm>
          <a:custGeom>
            <a:avLst/>
            <a:gdLst>
              <a:gd name="connsiteX0" fmla="*/ 3308061 w 3308061"/>
              <a:gd name="connsiteY0" fmla="*/ 0 h 3243473"/>
              <a:gd name="connsiteX1" fmla="*/ 3297214 w 3308061"/>
              <a:gd name="connsiteY1" fmla="*/ 142648 h 3243473"/>
              <a:gd name="connsiteX2" fmla="*/ 35015 w 3308061"/>
              <a:gd name="connsiteY2" fmla="*/ 3242588 h 3243473"/>
              <a:gd name="connsiteX3" fmla="*/ 0 w 3308061"/>
              <a:gd name="connsiteY3" fmla="*/ 3243473 h 3243473"/>
              <a:gd name="connsiteX4" fmla="*/ 10847 w 3308061"/>
              <a:gd name="connsiteY4" fmla="*/ 3100825 h 3243473"/>
              <a:gd name="connsiteX5" fmla="*/ 3273046 w 3308061"/>
              <a:gd name="connsiteY5" fmla="*/ 885 h 3243473"/>
              <a:gd name="connsiteX6" fmla="*/ 3308061 w 3308061"/>
              <a:gd name="connsiteY6" fmla="*/ 0 h 32434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308061" h="3243473">
                <a:moveTo>
                  <a:pt x="3308061" y="0"/>
                </a:moveTo>
                <a:lnTo>
                  <a:pt x="3297214" y="142648"/>
                </a:lnTo>
                <a:cubicBezTo>
                  <a:pt x="3126032" y="1828242"/>
                  <a:pt x="1744241" y="3155948"/>
                  <a:pt x="35015" y="3242588"/>
                </a:cubicBezTo>
                <a:lnTo>
                  <a:pt x="0" y="3243473"/>
                </a:lnTo>
                <a:lnTo>
                  <a:pt x="10847" y="3100825"/>
                </a:lnTo>
                <a:cubicBezTo>
                  <a:pt x="182029" y="1415231"/>
                  <a:pt x="1563820" y="87525"/>
                  <a:pt x="3273046" y="885"/>
                </a:cubicBezTo>
                <a:lnTo>
                  <a:pt x="3308061" y="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7C5E2A8F-C833-DB66-1105-6D2C6943A41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8220834" y="1657832"/>
            <a:ext cx="3971167" cy="5020168"/>
          </a:xfrm>
          <a:custGeom>
            <a:avLst/>
            <a:gdLst>
              <a:gd name="connsiteX0" fmla="*/ 3013274 w 3971167"/>
              <a:gd name="connsiteY0" fmla="*/ 0 h 5020168"/>
              <a:gd name="connsiteX1" fmla="*/ 3909329 w 3971167"/>
              <a:gd name="connsiteY1" fmla="*/ 135471 h 5020168"/>
              <a:gd name="connsiteX2" fmla="*/ 3971167 w 3971167"/>
              <a:gd name="connsiteY2" fmla="*/ 158104 h 5020168"/>
              <a:gd name="connsiteX3" fmla="*/ 3971167 w 3971167"/>
              <a:gd name="connsiteY3" fmla="*/ 5020168 h 5020168"/>
              <a:gd name="connsiteX4" fmla="*/ 770039 w 3971167"/>
              <a:gd name="connsiteY4" fmla="*/ 5020168 h 5020168"/>
              <a:gd name="connsiteX5" fmla="*/ 688085 w 3971167"/>
              <a:gd name="connsiteY5" fmla="*/ 4929996 h 5020168"/>
              <a:gd name="connsiteX6" fmla="*/ 0 w 3971167"/>
              <a:gd name="connsiteY6" fmla="*/ 3013274 h 5020168"/>
              <a:gd name="connsiteX7" fmla="*/ 3922 w 3971167"/>
              <a:gd name="connsiteY7" fmla="*/ 2858211 h 5020168"/>
              <a:gd name="connsiteX8" fmla="*/ 6105 w 3971167"/>
              <a:gd name="connsiteY8" fmla="*/ 2829487 h 5020168"/>
              <a:gd name="connsiteX9" fmla="*/ 36617 w 3971167"/>
              <a:gd name="connsiteY9" fmla="*/ 2828715 h 5020168"/>
              <a:gd name="connsiteX10" fmla="*/ 2879271 w 3971167"/>
              <a:gd name="connsiteY10" fmla="*/ 127453 h 5020168"/>
              <a:gd name="connsiteX11" fmla="*/ 2888723 w 3971167"/>
              <a:gd name="connsiteY11" fmla="*/ 3150 h 50201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3971167" h="5020168">
                <a:moveTo>
                  <a:pt x="3013274" y="0"/>
                </a:moveTo>
                <a:cubicBezTo>
                  <a:pt x="3325309" y="0"/>
                  <a:pt x="3626266" y="47429"/>
                  <a:pt x="3909329" y="135471"/>
                </a:cubicBezTo>
                <a:lnTo>
                  <a:pt x="3971167" y="158104"/>
                </a:lnTo>
                <a:lnTo>
                  <a:pt x="3971167" y="5020168"/>
                </a:lnTo>
                <a:lnTo>
                  <a:pt x="770039" y="5020168"/>
                </a:lnTo>
                <a:lnTo>
                  <a:pt x="688085" y="4929996"/>
                </a:lnTo>
                <a:cubicBezTo>
                  <a:pt x="258224" y="4409125"/>
                  <a:pt x="0" y="3741356"/>
                  <a:pt x="0" y="3013274"/>
                </a:cubicBezTo>
                <a:cubicBezTo>
                  <a:pt x="0" y="2961268"/>
                  <a:pt x="1318" y="2909570"/>
                  <a:pt x="3922" y="2858211"/>
                </a:cubicBezTo>
                <a:lnTo>
                  <a:pt x="6105" y="2829487"/>
                </a:lnTo>
                <a:lnTo>
                  <a:pt x="36617" y="2828715"/>
                </a:lnTo>
                <a:cubicBezTo>
                  <a:pt x="1526023" y="2753218"/>
                  <a:pt x="2730105" y="1596266"/>
                  <a:pt x="2879271" y="127453"/>
                </a:cubicBezTo>
                <a:lnTo>
                  <a:pt x="2888723" y="315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3" name="Dynamic legal" descr="{&quot;templafy&quot;:{&quot;id&quot;:&quot;565547aa-fd0e-423e-8281-13e5fb97f385&quot;}}">
            <a:extLst>
              <a:ext uri="{FF2B5EF4-FFF2-40B4-BE49-F238E27FC236}">
                <a16:creationId xmlns:a16="http://schemas.microsoft.com/office/drawing/2014/main" id="{FD34C06B-4033-7DAD-47C7-542144665111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3" name="Dynamic Internal use only" descr="{&quot;templafy&quot;:{&quot;id&quot;:&quot;1af94c2d-a4a9-43ed-8bba-ed8a1b5a3eef&quot;}}" hidden="1" title="Form.Cigna_Confidentiality.Cigna_groupConfidentiality">
            <a:extLst>
              <a:ext uri="{FF2B5EF4-FFF2-40B4-BE49-F238E27FC236}">
                <a16:creationId xmlns:a16="http://schemas.microsoft.com/office/drawing/2014/main" id="{837A17E5-7E37-72C5-9A9C-F3F48C07CD26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59" name="Logo">
            <a:extLst>
              <a:ext uri="{FF2B5EF4-FFF2-40B4-BE49-F238E27FC236}">
                <a16:creationId xmlns:a16="http://schemas.microsoft.com/office/drawing/2014/main" id="{91091B0C-8E99-5FDD-C3E6-0CCA3A3431B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5887784"/>
            <a:ext cx="1620000" cy="61700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59999" y="1429200"/>
            <a:ext cx="6615475" cy="2707200"/>
          </a:xfrm>
          <a:noFill/>
        </p:spPr>
        <p:txBody>
          <a:bodyPr anchor="t" anchorCtr="0"/>
          <a:lstStyle>
            <a:lvl1pPr algn="l">
              <a:lnSpc>
                <a:spcPct val="95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70809C9-BA48-4A28-B8CF-92FA8B27137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59999" y="4914000"/>
            <a:ext cx="6615475" cy="320400"/>
          </a:xfrm>
        </p:spPr>
        <p:txBody>
          <a:bodyPr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C1BAE3C-352D-8873-0D79-9DDF7EFAE9CC}"/>
              </a:ext>
            </a:extLst>
          </p:cNvPr>
          <p:cNvSpPr>
            <a:spLocks noGrp="1"/>
          </p:cNvSpPr>
          <p:nvPr>
            <p:ph type="dt" sz="half" idx="17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D59182A7-52C8-4F5C-83C2-1A6D32F2CA0C}" type="datetime4">
              <a:rPr lang="en-US" smtClean="0"/>
              <a:pPr/>
              <a:t>March 28, 2024</a:t>
            </a:fld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4AE7D47F-A211-8782-72E2-10B32736796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03352FC-FC68-27D0-A139-DC9471FEBB47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8146271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2" orient="horz" pos="3095">
          <p15:clr>
            <a:srgbClr val="A4A3A4"/>
          </p15:clr>
        </p15:guide>
        <p15:guide id="3" orient="horz" pos="900" userDrawn="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Thanks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grpSp>
        <p:nvGrpSpPr>
          <p:cNvPr id="37" name="Group graphic">
            <a:extLst>
              <a:ext uri="{FF2B5EF4-FFF2-40B4-BE49-F238E27FC236}">
                <a16:creationId xmlns:a16="http://schemas.microsoft.com/office/drawing/2014/main" id="{B7676819-9FD7-7217-BBC7-6293879D4085}"/>
              </a:ext>
            </a:extLst>
          </p:cNvPr>
          <p:cNvGrpSpPr/>
          <p:nvPr userDrawn="1"/>
        </p:nvGrpSpPr>
        <p:grpSpPr>
          <a:xfrm>
            <a:off x="1923391" y="0"/>
            <a:ext cx="8345219" cy="6678000"/>
            <a:chOff x="1810921" y="0"/>
            <a:chExt cx="8570158" cy="6858000"/>
          </a:xfrm>
        </p:grpSpPr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FFC705D9-3CF8-A297-B448-4674ECA2175C}"/>
                </a:ext>
              </a:extLst>
            </p:cNvPr>
            <p:cNvSpPr>
              <a:spLocks/>
            </p:cNvSpPr>
            <p:nvPr/>
          </p:nvSpPr>
          <p:spPr bwMode="auto">
            <a:xfrm>
              <a:off x="5803950" y="0"/>
              <a:ext cx="580315" cy="412304"/>
            </a:xfrm>
            <a:custGeom>
              <a:avLst/>
              <a:gdLst>
                <a:gd name="connsiteX0" fmla="*/ 0 w 580315"/>
                <a:gd name="connsiteY0" fmla="*/ 0 h 412304"/>
                <a:gd name="connsiteX1" fmla="*/ 580315 w 580315"/>
                <a:gd name="connsiteY1" fmla="*/ 0 h 412304"/>
                <a:gd name="connsiteX2" fmla="*/ 538607 w 580315"/>
                <a:gd name="connsiteY2" fmla="*/ 123245 h 412304"/>
                <a:gd name="connsiteX3" fmla="*/ 316961 w 580315"/>
                <a:gd name="connsiteY3" fmla="*/ 393849 h 412304"/>
                <a:gd name="connsiteX4" fmla="*/ 291129 w 580315"/>
                <a:gd name="connsiteY4" fmla="*/ 412304 h 412304"/>
                <a:gd name="connsiteX5" fmla="*/ 265297 w 580315"/>
                <a:gd name="connsiteY5" fmla="*/ 393849 h 412304"/>
                <a:gd name="connsiteX6" fmla="*/ 44573 w 580315"/>
                <a:gd name="connsiteY6" fmla="*/ 131550 h 41230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80315" h="412304">
                  <a:moveTo>
                    <a:pt x="0" y="0"/>
                  </a:moveTo>
                  <a:lnTo>
                    <a:pt x="580315" y="0"/>
                  </a:lnTo>
                  <a:lnTo>
                    <a:pt x="538607" y="123245"/>
                  </a:lnTo>
                  <a:cubicBezTo>
                    <a:pt x="488097" y="229134"/>
                    <a:pt x="412908" y="321872"/>
                    <a:pt x="316961" y="393849"/>
                  </a:cubicBezTo>
                  <a:cubicBezTo>
                    <a:pt x="291129" y="412304"/>
                    <a:pt x="291129" y="412304"/>
                    <a:pt x="291129" y="412304"/>
                  </a:cubicBezTo>
                  <a:cubicBezTo>
                    <a:pt x="265297" y="393849"/>
                    <a:pt x="265297" y="393849"/>
                    <a:pt x="265297" y="393849"/>
                  </a:cubicBezTo>
                  <a:cubicBezTo>
                    <a:pt x="169350" y="325563"/>
                    <a:pt x="94622" y="235593"/>
                    <a:pt x="44573" y="131550"/>
                  </a:cubicBezTo>
                  <a:close/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A4CFB5D4-5ED9-AA7F-0950-3DBB40A16959}"/>
                </a:ext>
              </a:extLst>
            </p:cNvPr>
            <p:cNvSpPr>
              <a:spLocks/>
            </p:cNvSpPr>
            <p:nvPr/>
          </p:nvSpPr>
          <p:spPr bwMode="auto">
            <a:xfrm>
              <a:off x="5807999" y="6445696"/>
              <a:ext cx="581156" cy="412304"/>
            </a:xfrm>
            <a:custGeom>
              <a:avLst/>
              <a:gdLst>
                <a:gd name="connsiteX0" fmla="*/ 288924 w 581156"/>
                <a:gd name="connsiteY0" fmla="*/ 0 h 412304"/>
                <a:gd name="connsiteX1" fmla="*/ 312911 w 581156"/>
                <a:gd name="connsiteY1" fmla="*/ 14765 h 412304"/>
                <a:gd name="connsiteX2" fmla="*/ 526254 w 581156"/>
                <a:gd name="connsiteY2" fmla="*/ 261376 h 412304"/>
                <a:gd name="connsiteX3" fmla="*/ 581156 w 581156"/>
                <a:gd name="connsiteY3" fmla="*/ 412304 h 412304"/>
                <a:gd name="connsiteX4" fmla="*/ 0 w 581156"/>
                <a:gd name="connsiteY4" fmla="*/ 412304 h 412304"/>
                <a:gd name="connsiteX5" fmla="*/ 52055 w 581156"/>
                <a:gd name="connsiteY5" fmla="*/ 269911 h 412304"/>
                <a:gd name="connsiteX6" fmla="*/ 264937 w 581156"/>
                <a:gd name="connsiteY6" fmla="*/ 16610 h 412304"/>
                <a:gd name="connsiteX7" fmla="*/ 288924 w 581156"/>
                <a:gd name="connsiteY7" fmla="*/ 0 h 41230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81156" h="412304">
                  <a:moveTo>
                    <a:pt x="288924" y="0"/>
                  </a:moveTo>
                  <a:cubicBezTo>
                    <a:pt x="312911" y="14765"/>
                    <a:pt x="312911" y="14765"/>
                    <a:pt x="312911" y="14765"/>
                  </a:cubicBezTo>
                  <a:cubicBezTo>
                    <a:pt x="402400" y="73822"/>
                    <a:pt x="475282" y="159640"/>
                    <a:pt x="526254" y="261376"/>
                  </a:cubicBezTo>
                  <a:lnTo>
                    <a:pt x="581156" y="412304"/>
                  </a:lnTo>
                  <a:lnTo>
                    <a:pt x="0" y="412304"/>
                  </a:lnTo>
                  <a:lnTo>
                    <a:pt x="52055" y="269911"/>
                  </a:lnTo>
                  <a:cubicBezTo>
                    <a:pt x="103488" y="166561"/>
                    <a:pt x="176371" y="78436"/>
                    <a:pt x="264937" y="16610"/>
                  </a:cubicBezTo>
                  <a:cubicBezTo>
                    <a:pt x="288924" y="0"/>
                    <a:pt x="288924" y="0"/>
                    <a:pt x="288924" y="0"/>
                  </a:cubicBezTo>
                  <a:close/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0" name="Freeform 7">
              <a:extLst>
                <a:ext uri="{FF2B5EF4-FFF2-40B4-BE49-F238E27FC236}">
                  <a16:creationId xmlns:a16="http://schemas.microsoft.com/office/drawing/2014/main" id="{987429BC-3E93-5448-752D-904521A7B5E6}"/>
                </a:ext>
              </a:extLst>
            </p:cNvPr>
            <p:cNvSpPr>
              <a:spLocks/>
            </p:cNvSpPr>
            <p:nvPr/>
          </p:nvSpPr>
          <p:spPr bwMode="auto">
            <a:xfrm>
              <a:off x="1810921" y="3108231"/>
              <a:ext cx="1251243" cy="643986"/>
            </a:xfrm>
            <a:custGeom>
              <a:avLst/>
              <a:gdLst>
                <a:gd name="T0" fmla="*/ 668 w 678"/>
                <a:gd name="T1" fmla="*/ 161 h 350"/>
                <a:gd name="T2" fmla="*/ 678 w 678"/>
                <a:gd name="T3" fmla="*/ 175 h 350"/>
                <a:gd name="T4" fmla="*/ 668 w 678"/>
                <a:gd name="T5" fmla="*/ 189 h 350"/>
                <a:gd name="T6" fmla="*/ 336 w 678"/>
                <a:gd name="T7" fmla="*/ 347 h 350"/>
                <a:gd name="T8" fmla="*/ 9 w 678"/>
                <a:gd name="T9" fmla="*/ 187 h 350"/>
                <a:gd name="T10" fmla="*/ 0 w 678"/>
                <a:gd name="T11" fmla="*/ 174 h 350"/>
                <a:gd name="T12" fmla="*/ 8 w 678"/>
                <a:gd name="T13" fmla="*/ 161 h 350"/>
                <a:gd name="T14" fmla="*/ 329 w 678"/>
                <a:gd name="T15" fmla="*/ 2 h 350"/>
                <a:gd name="T16" fmla="*/ 668 w 678"/>
                <a:gd name="T17" fmla="*/ 161 h 3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78" h="350">
                  <a:moveTo>
                    <a:pt x="668" y="161"/>
                  </a:moveTo>
                  <a:cubicBezTo>
                    <a:pt x="678" y="175"/>
                    <a:pt x="678" y="175"/>
                    <a:pt x="678" y="175"/>
                  </a:cubicBezTo>
                  <a:cubicBezTo>
                    <a:pt x="668" y="189"/>
                    <a:pt x="668" y="189"/>
                    <a:pt x="668" y="189"/>
                  </a:cubicBezTo>
                  <a:cubicBezTo>
                    <a:pt x="593" y="292"/>
                    <a:pt x="472" y="350"/>
                    <a:pt x="336" y="347"/>
                  </a:cubicBezTo>
                  <a:cubicBezTo>
                    <a:pt x="202" y="344"/>
                    <a:pt x="77" y="283"/>
                    <a:pt x="9" y="187"/>
                  </a:cubicBezTo>
                  <a:cubicBezTo>
                    <a:pt x="0" y="174"/>
                    <a:pt x="0" y="174"/>
                    <a:pt x="0" y="174"/>
                  </a:cubicBezTo>
                  <a:cubicBezTo>
                    <a:pt x="8" y="161"/>
                    <a:pt x="8" y="161"/>
                    <a:pt x="8" y="161"/>
                  </a:cubicBezTo>
                  <a:cubicBezTo>
                    <a:pt x="73" y="65"/>
                    <a:pt x="195" y="4"/>
                    <a:pt x="329" y="2"/>
                  </a:cubicBezTo>
                  <a:cubicBezTo>
                    <a:pt x="465" y="0"/>
                    <a:pt x="589" y="58"/>
                    <a:pt x="668" y="161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2" name="Freeform 8">
              <a:extLst>
                <a:ext uri="{FF2B5EF4-FFF2-40B4-BE49-F238E27FC236}">
                  <a16:creationId xmlns:a16="http://schemas.microsoft.com/office/drawing/2014/main" id="{9A37BE3C-EAB2-2E35-167A-96AF9F491740}"/>
                </a:ext>
              </a:extLst>
            </p:cNvPr>
            <p:cNvSpPr>
              <a:spLocks/>
            </p:cNvSpPr>
            <p:nvPr/>
          </p:nvSpPr>
          <p:spPr bwMode="auto">
            <a:xfrm>
              <a:off x="9127387" y="3108231"/>
              <a:ext cx="1253692" cy="643986"/>
            </a:xfrm>
            <a:custGeom>
              <a:avLst/>
              <a:gdLst>
                <a:gd name="T0" fmla="*/ 668 w 679"/>
                <a:gd name="T1" fmla="*/ 161 h 350"/>
                <a:gd name="T2" fmla="*/ 679 w 679"/>
                <a:gd name="T3" fmla="*/ 175 h 350"/>
                <a:gd name="T4" fmla="*/ 669 w 679"/>
                <a:gd name="T5" fmla="*/ 189 h 350"/>
                <a:gd name="T6" fmla="*/ 336 w 679"/>
                <a:gd name="T7" fmla="*/ 347 h 350"/>
                <a:gd name="T8" fmla="*/ 10 w 679"/>
                <a:gd name="T9" fmla="*/ 187 h 350"/>
                <a:gd name="T10" fmla="*/ 0 w 679"/>
                <a:gd name="T11" fmla="*/ 174 h 350"/>
                <a:gd name="T12" fmla="*/ 9 w 679"/>
                <a:gd name="T13" fmla="*/ 161 h 350"/>
                <a:gd name="T14" fmla="*/ 330 w 679"/>
                <a:gd name="T15" fmla="*/ 2 h 350"/>
                <a:gd name="T16" fmla="*/ 668 w 679"/>
                <a:gd name="T17" fmla="*/ 161 h 3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79" h="350">
                  <a:moveTo>
                    <a:pt x="668" y="161"/>
                  </a:moveTo>
                  <a:cubicBezTo>
                    <a:pt x="679" y="175"/>
                    <a:pt x="679" y="175"/>
                    <a:pt x="679" y="175"/>
                  </a:cubicBezTo>
                  <a:cubicBezTo>
                    <a:pt x="669" y="189"/>
                    <a:pt x="669" y="189"/>
                    <a:pt x="669" y="189"/>
                  </a:cubicBezTo>
                  <a:cubicBezTo>
                    <a:pt x="594" y="292"/>
                    <a:pt x="473" y="350"/>
                    <a:pt x="336" y="347"/>
                  </a:cubicBezTo>
                  <a:cubicBezTo>
                    <a:pt x="202" y="344"/>
                    <a:pt x="77" y="283"/>
                    <a:pt x="10" y="187"/>
                  </a:cubicBezTo>
                  <a:cubicBezTo>
                    <a:pt x="0" y="174"/>
                    <a:pt x="0" y="174"/>
                    <a:pt x="0" y="174"/>
                  </a:cubicBezTo>
                  <a:cubicBezTo>
                    <a:pt x="9" y="161"/>
                    <a:pt x="9" y="161"/>
                    <a:pt x="9" y="161"/>
                  </a:cubicBezTo>
                  <a:cubicBezTo>
                    <a:pt x="73" y="65"/>
                    <a:pt x="196" y="4"/>
                    <a:pt x="330" y="2"/>
                  </a:cubicBezTo>
                  <a:cubicBezTo>
                    <a:pt x="466" y="0"/>
                    <a:pt x="589" y="58"/>
                    <a:pt x="668" y="161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3" name="Freeform 9">
              <a:extLst>
                <a:ext uri="{FF2B5EF4-FFF2-40B4-BE49-F238E27FC236}">
                  <a16:creationId xmlns:a16="http://schemas.microsoft.com/office/drawing/2014/main" id="{3DC4EF5E-6385-DC36-625C-528814317BB8}"/>
                </a:ext>
              </a:extLst>
            </p:cNvPr>
            <p:cNvSpPr>
              <a:spLocks/>
            </p:cNvSpPr>
            <p:nvPr/>
          </p:nvSpPr>
          <p:spPr bwMode="auto">
            <a:xfrm>
              <a:off x="3025435" y="368228"/>
              <a:ext cx="962306" cy="972101"/>
            </a:xfrm>
            <a:custGeom>
              <a:avLst/>
              <a:gdLst>
                <a:gd name="T0" fmla="*/ 504 w 522"/>
                <a:gd name="T1" fmla="*/ 486 h 526"/>
                <a:gd name="T2" fmla="*/ 502 w 522"/>
                <a:gd name="T3" fmla="*/ 503 h 526"/>
                <a:gd name="T4" fmla="*/ 485 w 522"/>
                <a:gd name="T5" fmla="*/ 506 h 526"/>
                <a:gd name="T6" fmla="*/ 137 w 522"/>
                <a:gd name="T7" fmla="*/ 384 h 526"/>
                <a:gd name="T8" fmla="*/ 20 w 522"/>
                <a:gd name="T9" fmla="*/ 41 h 526"/>
                <a:gd name="T10" fmla="*/ 23 w 522"/>
                <a:gd name="T11" fmla="*/ 25 h 526"/>
                <a:gd name="T12" fmla="*/ 38 w 522"/>
                <a:gd name="T13" fmla="*/ 22 h 526"/>
                <a:gd name="T14" fmla="*/ 378 w 522"/>
                <a:gd name="T15" fmla="*/ 135 h 526"/>
                <a:gd name="T16" fmla="*/ 504 w 522"/>
                <a:gd name="T17" fmla="*/ 486 h 5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2" h="526">
                  <a:moveTo>
                    <a:pt x="504" y="486"/>
                  </a:moveTo>
                  <a:cubicBezTo>
                    <a:pt x="502" y="503"/>
                    <a:pt x="502" y="503"/>
                    <a:pt x="502" y="503"/>
                  </a:cubicBezTo>
                  <a:cubicBezTo>
                    <a:pt x="485" y="506"/>
                    <a:pt x="485" y="506"/>
                    <a:pt x="485" y="506"/>
                  </a:cubicBezTo>
                  <a:cubicBezTo>
                    <a:pt x="358" y="526"/>
                    <a:pt x="232" y="482"/>
                    <a:pt x="137" y="384"/>
                  </a:cubicBezTo>
                  <a:cubicBezTo>
                    <a:pt x="45" y="288"/>
                    <a:pt x="0" y="157"/>
                    <a:pt x="20" y="41"/>
                  </a:cubicBezTo>
                  <a:cubicBezTo>
                    <a:pt x="23" y="25"/>
                    <a:pt x="23" y="25"/>
                    <a:pt x="23" y="25"/>
                  </a:cubicBezTo>
                  <a:cubicBezTo>
                    <a:pt x="38" y="22"/>
                    <a:pt x="38" y="22"/>
                    <a:pt x="38" y="22"/>
                  </a:cubicBezTo>
                  <a:cubicBezTo>
                    <a:pt x="152" y="0"/>
                    <a:pt x="282" y="43"/>
                    <a:pt x="378" y="135"/>
                  </a:cubicBezTo>
                  <a:cubicBezTo>
                    <a:pt x="476" y="230"/>
                    <a:pt x="522" y="357"/>
                    <a:pt x="504" y="486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4" name="Freeform 10">
              <a:extLst>
                <a:ext uri="{FF2B5EF4-FFF2-40B4-BE49-F238E27FC236}">
                  <a16:creationId xmlns:a16="http://schemas.microsoft.com/office/drawing/2014/main" id="{6B83AB81-9EA3-AC96-7D49-76191079E7E2}"/>
                </a:ext>
              </a:extLst>
            </p:cNvPr>
            <p:cNvSpPr>
              <a:spLocks/>
            </p:cNvSpPr>
            <p:nvPr/>
          </p:nvSpPr>
          <p:spPr bwMode="auto">
            <a:xfrm>
              <a:off x="8196913" y="5512773"/>
              <a:ext cx="964755" cy="972101"/>
            </a:xfrm>
            <a:custGeom>
              <a:avLst/>
              <a:gdLst>
                <a:gd name="T0" fmla="*/ 505 w 523"/>
                <a:gd name="T1" fmla="*/ 486 h 527"/>
                <a:gd name="T2" fmla="*/ 502 w 523"/>
                <a:gd name="T3" fmla="*/ 504 h 527"/>
                <a:gd name="T4" fmla="*/ 486 w 523"/>
                <a:gd name="T5" fmla="*/ 506 h 527"/>
                <a:gd name="T6" fmla="*/ 138 w 523"/>
                <a:gd name="T7" fmla="*/ 384 h 527"/>
                <a:gd name="T8" fmla="*/ 21 w 523"/>
                <a:gd name="T9" fmla="*/ 41 h 527"/>
                <a:gd name="T10" fmla="*/ 24 w 523"/>
                <a:gd name="T11" fmla="*/ 26 h 527"/>
                <a:gd name="T12" fmla="*/ 39 w 523"/>
                <a:gd name="T13" fmla="*/ 23 h 527"/>
                <a:gd name="T14" fmla="*/ 379 w 523"/>
                <a:gd name="T15" fmla="*/ 136 h 527"/>
                <a:gd name="T16" fmla="*/ 505 w 523"/>
                <a:gd name="T17" fmla="*/ 486 h 5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3" h="527">
                  <a:moveTo>
                    <a:pt x="505" y="486"/>
                  </a:moveTo>
                  <a:cubicBezTo>
                    <a:pt x="502" y="504"/>
                    <a:pt x="502" y="504"/>
                    <a:pt x="502" y="504"/>
                  </a:cubicBezTo>
                  <a:cubicBezTo>
                    <a:pt x="486" y="506"/>
                    <a:pt x="486" y="506"/>
                    <a:pt x="486" y="506"/>
                  </a:cubicBezTo>
                  <a:cubicBezTo>
                    <a:pt x="359" y="527"/>
                    <a:pt x="232" y="482"/>
                    <a:pt x="138" y="384"/>
                  </a:cubicBezTo>
                  <a:cubicBezTo>
                    <a:pt x="45" y="288"/>
                    <a:pt x="0" y="157"/>
                    <a:pt x="21" y="41"/>
                  </a:cubicBezTo>
                  <a:cubicBezTo>
                    <a:pt x="24" y="26"/>
                    <a:pt x="24" y="26"/>
                    <a:pt x="24" y="26"/>
                  </a:cubicBezTo>
                  <a:cubicBezTo>
                    <a:pt x="39" y="23"/>
                    <a:pt x="39" y="23"/>
                    <a:pt x="39" y="23"/>
                  </a:cubicBezTo>
                  <a:cubicBezTo>
                    <a:pt x="153" y="0"/>
                    <a:pt x="283" y="43"/>
                    <a:pt x="379" y="136"/>
                  </a:cubicBezTo>
                  <a:cubicBezTo>
                    <a:pt x="477" y="230"/>
                    <a:pt x="523" y="358"/>
                    <a:pt x="505" y="486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5" name="Freeform 11">
              <a:extLst>
                <a:ext uri="{FF2B5EF4-FFF2-40B4-BE49-F238E27FC236}">
                  <a16:creationId xmlns:a16="http://schemas.microsoft.com/office/drawing/2014/main" id="{AF66ECF5-07E9-FD82-FA78-DE65935C97CF}"/>
                </a:ext>
              </a:extLst>
            </p:cNvPr>
            <p:cNvSpPr>
              <a:spLocks/>
            </p:cNvSpPr>
            <p:nvPr/>
          </p:nvSpPr>
          <p:spPr bwMode="auto">
            <a:xfrm>
              <a:off x="3018089" y="5522568"/>
              <a:ext cx="976998" cy="962307"/>
            </a:xfrm>
            <a:custGeom>
              <a:avLst/>
              <a:gdLst>
                <a:gd name="T0" fmla="*/ 489 w 530"/>
                <a:gd name="T1" fmla="*/ 18 h 520"/>
                <a:gd name="T2" fmla="*/ 507 w 530"/>
                <a:gd name="T3" fmla="*/ 21 h 520"/>
                <a:gd name="T4" fmla="*/ 509 w 530"/>
                <a:gd name="T5" fmla="*/ 37 h 520"/>
                <a:gd name="T6" fmla="*/ 387 w 530"/>
                <a:gd name="T7" fmla="*/ 383 h 520"/>
                <a:gd name="T8" fmla="*/ 42 w 530"/>
                <a:gd name="T9" fmla="*/ 499 h 520"/>
                <a:gd name="T10" fmla="*/ 26 w 530"/>
                <a:gd name="T11" fmla="*/ 497 h 520"/>
                <a:gd name="T12" fmla="*/ 23 w 530"/>
                <a:gd name="T13" fmla="*/ 481 h 520"/>
                <a:gd name="T14" fmla="*/ 137 w 530"/>
                <a:gd name="T15" fmla="*/ 143 h 520"/>
                <a:gd name="T16" fmla="*/ 489 w 530"/>
                <a:gd name="T17" fmla="*/ 18 h 5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30" h="520">
                  <a:moveTo>
                    <a:pt x="489" y="18"/>
                  </a:moveTo>
                  <a:cubicBezTo>
                    <a:pt x="507" y="21"/>
                    <a:pt x="507" y="21"/>
                    <a:pt x="507" y="21"/>
                  </a:cubicBezTo>
                  <a:cubicBezTo>
                    <a:pt x="509" y="37"/>
                    <a:pt x="509" y="37"/>
                    <a:pt x="509" y="37"/>
                  </a:cubicBezTo>
                  <a:cubicBezTo>
                    <a:pt x="530" y="163"/>
                    <a:pt x="485" y="289"/>
                    <a:pt x="387" y="383"/>
                  </a:cubicBezTo>
                  <a:cubicBezTo>
                    <a:pt x="290" y="475"/>
                    <a:pt x="158" y="520"/>
                    <a:pt x="42" y="499"/>
                  </a:cubicBezTo>
                  <a:cubicBezTo>
                    <a:pt x="26" y="497"/>
                    <a:pt x="26" y="497"/>
                    <a:pt x="26" y="497"/>
                  </a:cubicBezTo>
                  <a:cubicBezTo>
                    <a:pt x="23" y="481"/>
                    <a:pt x="23" y="481"/>
                    <a:pt x="23" y="481"/>
                  </a:cubicBezTo>
                  <a:cubicBezTo>
                    <a:pt x="0" y="368"/>
                    <a:pt x="44" y="239"/>
                    <a:pt x="137" y="143"/>
                  </a:cubicBezTo>
                  <a:cubicBezTo>
                    <a:pt x="231" y="46"/>
                    <a:pt x="360" y="0"/>
                    <a:pt x="489" y="18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6" name="Freeform 12">
              <a:extLst>
                <a:ext uri="{FF2B5EF4-FFF2-40B4-BE49-F238E27FC236}">
                  <a16:creationId xmlns:a16="http://schemas.microsoft.com/office/drawing/2014/main" id="{597DF76A-65FE-8FD0-8EF3-3F2FC1613756}"/>
                </a:ext>
              </a:extLst>
            </p:cNvPr>
            <p:cNvSpPr>
              <a:spLocks/>
            </p:cNvSpPr>
            <p:nvPr/>
          </p:nvSpPr>
          <p:spPr bwMode="auto">
            <a:xfrm>
              <a:off x="8192016" y="380472"/>
              <a:ext cx="976998" cy="957409"/>
            </a:xfrm>
            <a:custGeom>
              <a:avLst/>
              <a:gdLst>
                <a:gd name="T0" fmla="*/ 489 w 530"/>
                <a:gd name="T1" fmla="*/ 18 h 519"/>
                <a:gd name="T2" fmla="*/ 506 w 530"/>
                <a:gd name="T3" fmla="*/ 20 h 519"/>
                <a:gd name="T4" fmla="*/ 509 w 530"/>
                <a:gd name="T5" fmla="*/ 37 h 519"/>
                <a:gd name="T6" fmla="*/ 387 w 530"/>
                <a:gd name="T7" fmla="*/ 383 h 519"/>
                <a:gd name="T8" fmla="*/ 41 w 530"/>
                <a:gd name="T9" fmla="*/ 499 h 519"/>
                <a:gd name="T10" fmla="*/ 26 w 530"/>
                <a:gd name="T11" fmla="*/ 496 h 519"/>
                <a:gd name="T12" fmla="*/ 23 w 530"/>
                <a:gd name="T13" fmla="*/ 481 h 519"/>
                <a:gd name="T14" fmla="*/ 136 w 530"/>
                <a:gd name="T15" fmla="*/ 143 h 519"/>
                <a:gd name="T16" fmla="*/ 489 w 530"/>
                <a:gd name="T17" fmla="*/ 18 h 5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30" h="519">
                  <a:moveTo>
                    <a:pt x="489" y="18"/>
                  </a:moveTo>
                  <a:cubicBezTo>
                    <a:pt x="506" y="20"/>
                    <a:pt x="506" y="20"/>
                    <a:pt x="506" y="20"/>
                  </a:cubicBezTo>
                  <a:cubicBezTo>
                    <a:pt x="509" y="37"/>
                    <a:pt x="509" y="37"/>
                    <a:pt x="509" y="37"/>
                  </a:cubicBezTo>
                  <a:cubicBezTo>
                    <a:pt x="530" y="163"/>
                    <a:pt x="485" y="289"/>
                    <a:pt x="387" y="383"/>
                  </a:cubicBezTo>
                  <a:cubicBezTo>
                    <a:pt x="290" y="475"/>
                    <a:pt x="158" y="519"/>
                    <a:pt x="41" y="499"/>
                  </a:cubicBezTo>
                  <a:cubicBezTo>
                    <a:pt x="26" y="496"/>
                    <a:pt x="26" y="496"/>
                    <a:pt x="26" y="496"/>
                  </a:cubicBezTo>
                  <a:cubicBezTo>
                    <a:pt x="23" y="481"/>
                    <a:pt x="23" y="481"/>
                    <a:pt x="23" y="481"/>
                  </a:cubicBezTo>
                  <a:cubicBezTo>
                    <a:pt x="0" y="368"/>
                    <a:pt x="43" y="239"/>
                    <a:pt x="136" y="143"/>
                  </a:cubicBezTo>
                  <a:cubicBezTo>
                    <a:pt x="231" y="46"/>
                    <a:pt x="360" y="0"/>
                    <a:pt x="489" y="18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2BBD22A4-5CB1-79F5-E813-7DD82749B339}"/>
                </a:ext>
              </a:extLst>
            </p:cNvPr>
            <p:cNvSpPr>
              <a:spLocks/>
            </p:cNvSpPr>
            <p:nvPr/>
          </p:nvSpPr>
          <p:spPr bwMode="auto">
            <a:xfrm>
              <a:off x="7157629" y="0"/>
              <a:ext cx="715242" cy="652268"/>
            </a:xfrm>
            <a:custGeom>
              <a:avLst/>
              <a:gdLst>
                <a:gd name="connsiteX0" fmla="*/ 53928 w 715242"/>
                <a:gd name="connsiteY0" fmla="*/ 0 h 652268"/>
                <a:gd name="connsiteX1" fmla="*/ 715242 w 715242"/>
                <a:gd name="connsiteY1" fmla="*/ 0 h 652268"/>
                <a:gd name="connsiteX2" fmla="*/ 714556 w 715242"/>
                <a:gd name="connsiteY2" fmla="*/ 12649 h 652268"/>
                <a:gd name="connsiteX3" fmla="*/ 665298 w 715242"/>
                <a:gd name="connsiteY3" fmla="*/ 186250 h 652268"/>
                <a:gd name="connsiteX4" fmla="*/ 149733 w 715242"/>
                <a:gd name="connsiteY4" fmla="*/ 644871 h 652268"/>
                <a:gd name="connsiteX5" fmla="*/ 118318 w 715242"/>
                <a:gd name="connsiteY5" fmla="*/ 652268 h 652268"/>
                <a:gd name="connsiteX6" fmla="*/ 101687 w 715242"/>
                <a:gd name="connsiteY6" fmla="*/ 626378 h 652268"/>
                <a:gd name="connsiteX7" fmla="*/ 14114 w 715242"/>
                <a:gd name="connsiteY7" fmla="*/ 122912 h 65226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715242" h="652268">
                  <a:moveTo>
                    <a:pt x="53928" y="0"/>
                  </a:moveTo>
                  <a:lnTo>
                    <a:pt x="715242" y="0"/>
                  </a:lnTo>
                  <a:lnTo>
                    <a:pt x="714556" y="12649"/>
                  </a:lnTo>
                  <a:cubicBezTo>
                    <a:pt x="704797" y="71017"/>
                    <a:pt x="688397" y="129385"/>
                    <a:pt x="665298" y="186250"/>
                  </a:cubicBezTo>
                  <a:cubicBezTo>
                    <a:pt x="571055" y="419259"/>
                    <a:pt x="382569" y="585694"/>
                    <a:pt x="149733" y="644871"/>
                  </a:cubicBezTo>
                  <a:cubicBezTo>
                    <a:pt x="118318" y="652268"/>
                    <a:pt x="118318" y="652268"/>
                    <a:pt x="118318" y="652268"/>
                  </a:cubicBezTo>
                  <a:cubicBezTo>
                    <a:pt x="101687" y="626378"/>
                    <a:pt x="101687" y="626378"/>
                    <a:pt x="101687" y="626378"/>
                  </a:cubicBezTo>
                  <a:cubicBezTo>
                    <a:pt x="8830" y="475200"/>
                    <a:pt x="-20621" y="298016"/>
                    <a:pt x="14114" y="122912"/>
                  </a:cubicBezTo>
                  <a:close/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9C90EDEA-A982-D57A-4C94-38822E7F4181}"/>
                </a:ext>
              </a:extLst>
            </p:cNvPr>
            <p:cNvSpPr>
              <a:spLocks/>
            </p:cNvSpPr>
            <p:nvPr/>
          </p:nvSpPr>
          <p:spPr bwMode="auto">
            <a:xfrm>
              <a:off x="4319143" y="6205732"/>
              <a:ext cx="712971" cy="652267"/>
            </a:xfrm>
            <a:custGeom>
              <a:avLst/>
              <a:gdLst>
                <a:gd name="connsiteX0" fmla="*/ 596658 w 712971"/>
                <a:gd name="connsiteY0" fmla="*/ 0 h 652267"/>
                <a:gd name="connsiteX1" fmla="*/ 611407 w 712971"/>
                <a:gd name="connsiteY1" fmla="*/ 24028 h 652267"/>
                <a:gd name="connsiteX2" fmla="*/ 702665 w 712971"/>
                <a:gd name="connsiteY2" fmla="*/ 507477 h 652267"/>
                <a:gd name="connsiteX3" fmla="*/ 662139 w 712971"/>
                <a:gd name="connsiteY3" fmla="*/ 652267 h 652267"/>
                <a:gd name="connsiteX4" fmla="*/ 0 w 712971"/>
                <a:gd name="connsiteY4" fmla="*/ 652267 h 652267"/>
                <a:gd name="connsiteX5" fmla="*/ 2559 w 712971"/>
                <a:gd name="connsiteY5" fmla="*/ 617654 h 652267"/>
                <a:gd name="connsiteX6" fmla="*/ 58328 w 712971"/>
                <a:gd name="connsiteY6" fmla="*/ 443595 h 652267"/>
                <a:gd name="connsiteX7" fmla="*/ 567160 w 712971"/>
                <a:gd name="connsiteY7" fmla="*/ 5545 h 652267"/>
                <a:gd name="connsiteX8" fmla="*/ 596658 w 712971"/>
                <a:gd name="connsiteY8" fmla="*/ 0 h 6522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712971" h="652267">
                  <a:moveTo>
                    <a:pt x="596658" y="0"/>
                  </a:moveTo>
                  <a:cubicBezTo>
                    <a:pt x="611407" y="24028"/>
                    <a:pt x="611407" y="24028"/>
                    <a:pt x="611407" y="24028"/>
                  </a:cubicBezTo>
                  <a:cubicBezTo>
                    <a:pt x="699899" y="157107"/>
                    <a:pt x="731356" y="331772"/>
                    <a:pt x="702665" y="507477"/>
                  </a:cubicBezTo>
                  <a:lnTo>
                    <a:pt x="662139" y="652267"/>
                  </a:lnTo>
                  <a:lnTo>
                    <a:pt x="0" y="652267"/>
                  </a:lnTo>
                  <a:lnTo>
                    <a:pt x="2559" y="617654"/>
                  </a:lnTo>
                  <a:cubicBezTo>
                    <a:pt x="13966" y="559230"/>
                    <a:pt x="32517" y="500893"/>
                    <a:pt x="58328" y="443595"/>
                  </a:cubicBezTo>
                  <a:cubicBezTo>
                    <a:pt x="159725" y="218101"/>
                    <a:pt x="353303" y="51753"/>
                    <a:pt x="567160" y="5545"/>
                  </a:cubicBezTo>
                  <a:cubicBezTo>
                    <a:pt x="596658" y="0"/>
                    <a:pt x="596658" y="0"/>
                    <a:pt x="596658" y="0"/>
                  </a:cubicBezTo>
                  <a:close/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9" name="Freeform 15">
              <a:extLst>
                <a:ext uri="{FF2B5EF4-FFF2-40B4-BE49-F238E27FC236}">
                  <a16:creationId xmlns:a16="http://schemas.microsoft.com/office/drawing/2014/main" id="{DDCF2ADF-0B9F-7CE1-6F18-342A9A4B5BB4}"/>
                </a:ext>
              </a:extLst>
            </p:cNvPr>
            <p:cNvSpPr>
              <a:spLocks/>
            </p:cNvSpPr>
            <p:nvPr/>
          </p:nvSpPr>
          <p:spPr bwMode="auto">
            <a:xfrm>
              <a:off x="2148830" y="1621920"/>
              <a:ext cx="1153298" cy="783558"/>
            </a:xfrm>
            <a:custGeom>
              <a:avLst/>
              <a:gdLst>
                <a:gd name="T0" fmla="*/ 620 w 624"/>
                <a:gd name="T1" fmla="*/ 327 h 425"/>
                <a:gd name="T2" fmla="*/ 624 w 624"/>
                <a:gd name="T3" fmla="*/ 344 h 425"/>
                <a:gd name="T4" fmla="*/ 610 w 624"/>
                <a:gd name="T5" fmla="*/ 353 h 425"/>
                <a:gd name="T6" fmla="*/ 242 w 624"/>
                <a:gd name="T7" fmla="*/ 370 h 425"/>
                <a:gd name="T8" fmla="*/ 4 w 624"/>
                <a:gd name="T9" fmla="*/ 96 h 425"/>
                <a:gd name="T10" fmla="*/ 0 w 624"/>
                <a:gd name="T11" fmla="*/ 80 h 425"/>
                <a:gd name="T12" fmla="*/ 13 w 624"/>
                <a:gd name="T13" fmla="*/ 72 h 425"/>
                <a:gd name="T14" fmla="*/ 371 w 624"/>
                <a:gd name="T15" fmla="*/ 49 h 425"/>
                <a:gd name="T16" fmla="*/ 620 w 624"/>
                <a:gd name="T17" fmla="*/ 327 h 4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24" h="425">
                  <a:moveTo>
                    <a:pt x="620" y="327"/>
                  </a:moveTo>
                  <a:cubicBezTo>
                    <a:pt x="624" y="344"/>
                    <a:pt x="624" y="344"/>
                    <a:pt x="624" y="344"/>
                  </a:cubicBezTo>
                  <a:cubicBezTo>
                    <a:pt x="610" y="353"/>
                    <a:pt x="610" y="353"/>
                    <a:pt x="610" y="353"/>
                  </a:cubicBezTo>
                  <a:cubicBezTo>
                    <a:pt x="500" y="419"/>
                    <a:pt x="366" y="425"/>
                    <a:pt x="242" y="370"/>
                  </a:cubicBezTo>
                  <a:cubicBezTo>
                    <a:pt x="120" y="315"/>
                    <a:pt x="28" y="210"/>
                    <a:pt x="4" y="96"/>
                  </a:cubicBezTo>
                  <a:cubicBezTo>
                    <a:pt x="0" y="80"/>
                    <a:pt x="0" y="80"/>
                    <a:pt x="0" y="80"/>
                  </a:cubicBezTo>
                  <a:cubicBezTo>
                    <a:pt x="13" y="72"/>
                    <a:pt x="13" y="72"/>
                    <a:pt x="13" y="72"/>
                  </a:cubicBezTo>
                  <a:cubicBezTo>
                    <a:pt x="110" y="8"/>
                    <a:pt x="247" y="0"/>
                    <a:pt x="371" y="49"/>
                  </a:cubicBezTo>
                  <a:cubicBezTo>
                    <a:pt x="497" y="100"/>
                    <a:pt x="588" y="201"/>
                    <a:pt x="620" y="327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0" name="Freeform 16">
              <a:extLst>
                <a:ext uri="{FF2B5EF4-FFF2-40B4-BE49-F238E27FC236}">
                  <a16:creationId xmlns:a16="http://schemas.microsoft.com/office/drawing/2014/main" id="{6201C6BF-6C4C-1395-5F22-988544105CA7}"/>
                </a:ext>
              </a:extLst>
            </p:cNvPr>
            <p:cNvSpPr>
              <a:spLocks/>
            </p:cNvSpPr>
            <p:nvPr/>
          </p:nvSpPr>
          <p:spPr bwMode="auto">
            <a:xfrm>
              <a:off x="8889872" y="4452522"/>
              <a:ext cx="1150850" cy="786006"/>
            </a:xfrm>
            <a:custGeom>
              <a:avLst/>
              <a:gdLst>
                <a:gd name="T0" fmla="*/ 620 w 624"/>
                <a:gd name="T1" fmla="*/ 328 h 426"/>
                <a:gd name="T2" fmla="*/ 624 w 624"/>
                <a:gd name="T3" fmla="*/ 345 h 426"/>
                <a:gd name="T4" fmla="*/ 610 w 624"/>
                <a:gd name="T5" fmla="*/ 353 h 426"/>
                <a:gd name="T6" fmla="*/ 241 w 624"/>
                <a:gd name="T7" fmla="*/ 371 h 426"/>
                <a:gd name="T8" fmla="*/ 3 w 624"/>
                <a:gd name="T9" fmla="*/ 96 h 426"/>
                <a:gd name="T10" fmla="*/ 0 w 624"/>
                <a:gd name="T11" fmla="*/ 81 h 426"/>
                <a:gd name="T12" fmla="*/ 13 w 624"/>
                <a:gd name="T13" fmla="*/ 72 h 426"/>
                <a:gd name="T14" fmla="*/ 371 w 624"/>
                <a:gd name="T15" fmla="*/ 50 h 426"/>
                <a:gd name="T16" fmla="*/ 620 w 624"/>
                <a:gd name="T17" fmla="*/ 328 h 4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24" h="426">
                  <a:moveTo>
                    <a:pt x="620" y="328"/>
                  </a:moveTo>
                  <a:cubicBezTo>
                    <a:pt x="624" y="345"/>
                    <a:pt x="624" y="345"/>
                    <a:pt x="624" y="345"/>
                  </a:cubicBezTo>
                  <a:cubicBezTo>
                    <a:pt x="610" y="353"/>
                    <a:pt x="610" y="353"/>
                    <a:pt x="610" y="353"/>
                  </a:cubicBezTo>
                  <a:cubicBezTo>
                    <a:pt x="500" y="420"/>
                    <a:pt x="366" y="426"/>
                    <a:pt x="241" y="371"/>
                  </a:cubicBezTo>
                  <a:cubicBezTo>
                    <a:pt x="119" y="316"/>
                    <a:pt x="28" y="211"/>
                    <a:pt x="3" y="96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13" y="72"/>
                    <a:pt x="13" y="72"/>
                    <a:pt x="13" y="72"/>
                  </a:cubicBezTo>
                  <a:cubicBezTo>
                    <a:pt x="110" y="9"/>
                    <a:pt x="247" y="0"/>
                    <a:pt x="371" y="50"/>
                  </a:cubicBezTo>
                  <a:cubicBezTo>
                    <a:pt x="497" y="101"/>
                    <a:pt x="588" y="202"/>
                    <a:pt x="620" y="328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2CCB18D-22A1-BA1A-25DA-8C817D9D7143}"/>
                </a:ext>
              </a:extLst>
            </p:cNvPr>
            <p:cNvSpPr>
              <a:spLocks/>
            </p:cNvSpPr>
            <p:nvPr/>
          </p:nvSpPr>
          <p:spPr bwMode="auto">
            <a:xfrm>
              <a:off x="4375735" y="0"/>
              <a:ext cx="699656" cy="635128"/>
            </a:xfrm>
            <a:custGeom>
              <a:avLst/>
              <a:gdLst>
                <a:gd name="connsiteX0" fmla="*/ 0 w 699656"/>
                <a:gd name="connsiteY0" fmla="*/ 0 h 635128"/>
                <a:gd name="connsiteX1" fmla="*/ 658651 w 699656"/>
                <a:gd name="connsiteY1" fmla="*/ 0 h 635128"/>
                <a:gd name="connsiteX2" fmla="*/ 687905 w 699656"/>
                <a:gd name="connsiteY2" fmla="*/ 97575 h 635128"/>
                <a:gd name="connsiteX3" fmla="*/ 594863 w 699656"/>
                <a:gd name="connsiteY3" fmla="*/ 609294 h 635128"/>
                <a:gd name="connsiteX4" fmla="*/ 580078 w 699656"/>
                <a:gd name="connsiteY4" fmla="*/ 635128 h 635128"/>
                <a:gd name="connsiteX5" fmla="*/ 548660 w 699656"/>
                <a:gd name="connsiteY5" fmla="*/ 627747 h 635128"/>
                <a:gd name="connsiteX6" fmla="*/ 45971 w 699656"/>
                <a:gd name="connsiteY6" fmla="*/ 173808 h 63512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699656" h="635128">
                  <a:moveTo>
                    <a:pt x="0" y="0"/>
                  </a:moveTo>
                  <a:lnTo>
                    <a:pt x="658651" y="0"/>
                  </a:lnTo>
                  <a:lnTo>
                    <a:pt x="687905" y="97575"/>
                  </a:lnTo>
                  <a:cubicBezTo>
                    <a:pt x="719265" y="274376"/>
                    <a:pt x="687731" y="454291"/>
                    <a:pt x="594863" y="609294"/>
                  </a:cubicBezTo>
                  <a:cubicBezTo>
                    <a:pt x="580078" y="635128"/>
                    <a:pt x="580078" y="635128"/>
                    <a:pt x="580078" y="635128"/>
                  </a:cubicBezTo>
                  <a:cubicBezTo>
                    <a:pt x="548660" y="627747"/>
                    <a:pt x="548660" y="627747"/>
                    <a:pt x="548660" y="627747"/>
                  </a:cubicBezTo>
                  <a:cubicBezTo>
                    <a:pt x="319493" y="572389"/>
                    <a:pt x="134681" y="406314"/>
                    <a:pt x="45971" y="173808"/>
                  </a:cubicBezTo>
                  <a:close/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2435581D-B3FB-9B33-5F2D-5B52CD843E93}"/>
                </a:ext>
              </a:extLst>
            </p:cNvPr>
            <p:cNvSpPr>
              <a:spLocks/>
            </p:cNvSpPr>
            <p:nvPr/>
          </p:nvSpPr>
          <p:spPr bwMode="auto">
            <a:xfrm>
              <a:off x="7115541" y="6222872"/>
              <a:ext cx="699086" cy="635128"/>
            </a:xfrm>
            <a:custGeom>
              <a:avLst/>
              <a:gdLst>
                <a:gd name="connsiteX0" fmla="*/ 120645 w 699086"/>
                <a:gd name="connsiteY0" fmla="*/ 0 h 635128"/>
                <a:gd name="connsiteX1" fmla="*/ 148367 w 699086"/>
                <a:gd name="connsiteY1" fmla="*/ 5536 h 635128"/>
                <a:gd name="connsiteX2" fmla="*/ 645512 w 699086"/>
                <a:gd name="connsiteY2" fmla="*/ 439176 h 635128"/>
                <a:gd name="connsiteX3" fmla="*/ 697894 w 699086"/>
                <a:gd name="connsiteY3" fmla="*/ 614939 h 635128"/>
                <a:gd name="connsiteX4" fmla="*/ 699086 w 699086"/>
                <a:gd name="connsiteY4" fmla="*/ 635128 h 635128"/>
                <a:gd name="connsiteX5" fmla="*/ 39832 w 699086"/>
                <a:gd name="connsiteY5" fmla="*/ 635128 h 635128"/>
                <a:gd name="connsiteX6" fmla="*/ 8632 w 699086"/>
                <a:gd name="connsiteY6" fmla="*/ 514948 h 635128"/>
                <a:gd name="connsiteX7" fmla="*/ 104012 w 699086"/>
                <a:gd name="connsiteY7" fmla="*/ 23989 h 635128"/>
                <a:gd name="connsiteX8" fmla="*/ 120645 w 699086"/>
                <a:gd name="connsiteY8" fmla="*/ 0 h 63512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699086" h="635128">
                  <a:moveTo>
                    <a:pt x="120645" y="0"/>
                  </a:moveTo>
                  <a:cubicBezTo>
                    <a:pt x="148367" y="5536"/>
                    <a:pt x="148367" y="5536"/>
                    <a:pt x="148367" y="5536"/>
                  </a:cubicBezTo>
                  <a:cubicBezTo>
                    <a:pt x="359053" y="47977"/>
                    <a:pt x="549409" y="214053"/>
                    <a:pt x="645512" y="439176"/>
                  </a:cubicBezTo>
                  <a:cubicBezTo>
                    <a:pt x="669999" y="496841"/>
                    <a:pt x="687441" y="555775"/>
                    <a:pt x="697894" y="614939"/>
                  </a:cubicBezTo>
                  <a:lnTo>
                    <a:pt x="699086" y="635128"/>
                  </a:lnTo>
                  <a:lnTo>
                    <a:pt x="39832" y="635128"/>
                  </a:lnTo>
                  <a:lnTo>
                    <a:pt x="8632" y="514948"/>
                  </a:lnTo>
                  <a:cubicBezTo>
                    <a:pt x="-17271" y="337802"/>
                    <a:pt x="15302" y="159617"/>
                    <a:pt x="104012" y="23989"/>
                  </a:cubicBezTo>
                  <a:cubicBezTo>
                    <a:pt x="120645" y="0"/>
                    <a:pt x="120645" y="0"/>
                    <a:pt x="120645" y="0"/>
                  </a:cubicBezTo>
                  <a:close/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3" name="Freeform 19">
              <a:extLst>
                <a:ext uri="{FF2B5EF4-FFF2-40B4-BE49-F238E27FC236}">
                  <a16:creationId xmlns:a16="http://schemas.microsoft.com/office/drawing/2014/main" id="{7316F97D-E27A-216C-8544-61E0EFA5A133}"/>
                </a:ext>
              </a:extLst>
            </p:cNvPr>
            <p:cNvSpPr>
              <a:spLocks/>
            </p:cNvSpPr>
            <p:nvPr/>
          </p:nvSpPr>
          <p:spPr bwMode="auto">
            <a:xfrm>
              <a:off x="2124344" y="4410896"/>
              <a:ext cx="1163093" cy="771314"/>
            </a:xfrm>
            <a:custGeom>
              <a:avLst/>
              <a:gdLst>
                <a:gd name="T0" fmla="*/ 614 w 629"/>
                <a:gd name="T1" fmla="*/ 74 h 418"/>
                <a:gd name="T2" fmla="*/ 629 w 629"/>
                <a:gd name="T3" fmla="*/ 83 h 418"/>
                <a:gd name="T4" fmla="*/ 625 w 629"/>
                <a:gd name="T5" fmla="*/ 99 h 418"/>
                <a:gd name="T6" fmla="*/ 376 w 629"/>
                <a:gd name="T7" fmla="*/ 370 h 418"/>
                <a:gd name="T8" fmla="*/ 13 w 629"/>
                <a:gd name="T9" fmla="*/ 344 h 418"/>
                <a:gd name="T10" fmla="*/ 0 w 629"/>
                <a:gd name="T11" fmla="*/ 335 h 418"/>
                <a:gd name="T12" fmla="*/ 3 w 629"/>
                <a:gd name="T13" fmla="*/ 320 h 418"/>
                <a:gd name="T14" fmla="*/ 240 w 629"/>
                <a:gd name="T15" fmla="*/ 53 h 418"/>
                <a:gd name="T16" fmla="*/ 614 w 629"/>
                <a:gd name="T17" fmla="*/ 74 h 4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29" h="418">
                  <a:moveTo>
                    <a:pt x="614" y="74"/>
                  </a:moveTo>
                  <a:cubicBezTo>
                    <a:pt x="629" y="83"/>
                    <a:pt x="629" y="83"/>
                    <a:pt x="629" y="83"/>
                  </a:cubicBezTo>
                  <a:cubicBezTo>
                    <a:pt x="625" y="99"/>
                    <a:pt x="625" y="99"/>
                    <a:pt x="625" y="99"/>
                  </a:cubicBezTo>
                  <a:cubicBezTo>
                    <a:pt x="594" y="223"/>
                    <a:pt x="504" y="322"/>
                    <a:pt x="376" y="370"/>
                  </a:cubicBezTo>
                  <a:cubicBezTo>
                    <a:pt x="251" y="418"/>
                    <a:pt x="112" y="407"/>
                    <a:pt x="13" y="344"/>
                  </a:cubicBezTo>
                  <a:cubicBezTo>
                    <a:pt x="0" y="335"/>
                    <a:pt x="0" y="335"/>
                    <a:pt x="0" y="335"/>
                  </a:cubicBezTo>
                  <a:cubicBezTo>
                    <a:pt x="3" y="320"/>
                    <a:pt x="3" y="320"/>
                    <a:pt x="3" y="320"/>
                  </a:cubicBezTo>
                  <a:cubicBezTo>
                    <a:pt x="26" y="207"/>
                    <a:pt x="117" y="105"/>
                    <a:pt x="240" y="53"/>
                  </a:cubicBezTo>
                  <a:cubicBezTo>
                    <a:pt x="365" y="0"/>
                    <a:pt x="502" y="7"/>
                    <a:pt x="614" y="74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4" name="Freeform 20">
              <a:extLst>
                <a:ext uri="{FF2B5EF4-FFF2-40B4-BE49-F238E27FC236}">
                  <a16:creationId xmlns:a16="http://schemas.microsoft.com/office/drawing/2014/main" id="{0C9854A4-B648-7594-E05B-6A0BAA5B2513}"/>
                </a:ext>
              </a:extLst>
            </p:cNvPr>
            <p:cNvSpPr>
              <a:spLocks/>
            </p:cNvSpPr>
            <p:nvPr/>
          </p:nvSpPr>
          <p:spPr bwMode="auto">
            <a:xfrm>
              <a:off x="8907012" y="1673341"/>
              <a:ext cx="1160644" cy="773763"/>
            </a:xfrm>
            <a:custGeom>
              <a:avLst/>
              <a:gdLst>
                <a:gd name="T0" fmla="*/ 614 w 629"/>
                <a:gd name="T1" fmla="*/ 75 h 418"/>
                <a:gd name="T2" fmla="*/ 629 w 629"/>
                <a:gd name="T3" fmla="*/ 84 h 418"/>
                <a:gd name="T4" fmla="*/ 625 w 629"/>
                <a:gd name="T5" fmla="*/ 100 h 418"/>
                <a:gd name="T6" fmla="*/ 376 w 629"/>
                <a:gd name="T7" fmla="*/ 371 h 418"/>
                <a:gd name="T8" fmla="*/ 13 w 629"/>
                <a:gd name="T9" fmla="*/ 345 h 418"/>
                <a:gd name="T10" fmla="*/ 0 w 629"/>
                <a:gd name="T11" fmla="*/ 336 h 418"/>
                <a:gd name="T12" fmla="*/ 3 w 629"/>
                <a:gd name="T13" fmla="*/ 321 h 418"/>
                <a:gd name="T14" fmla="*/ 240 w 629"/>
                <a:gd name="T15" fmla="*/ 53 h 418"/>
                <a:gd name="T16" fmla="*/ 614 w 629"/>
                <a:gd name="T17" fmla="*/ 75 h 4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29" h="418">
                  <a:moveTo>
                    <a:pt x="614" y="75"/>
                  </a:moveTo>
                  <a:cubicBezTo>
                    <a:pt x="629" y="84"/>
                    <a:pt x="629" y="84"/>
                    <a:pt x="629" y="84"/>
                  </a:cubicBezTo>
                  <a:cubicBezTo>
                    <a:pt x="625" y="100"/>
                    <a:pt x="625" y="100"/>
                    <a:pt x="625" y="100"/>
                  </a:cubicBezTo>
                  <a:cubicBezTo>
                    <a:pt x="594" y="224"/>
                    <a:pt x="504" y="323"/>
                    <a:pt x="376" y="371"/>
                  </a:cubicBezTo>
                  <a:cubicBezTo>
                    <a:pt x="251" y="418"/>
                    <a:pt x="112" y="408"/>
                    <a:pt x="13" y="345"/>
                  </a:cubicBezTo>
                  <a:cubicBezTo>
                    <a:pt x="0" y="336"/>
                    <a:pt x="0" y="336"/>
                    <a:pt x="0" y="336"/>
                  </a:cubicBezTo>
                  <a:cubicBezTo>
                    <a:pt x="3" y="321"/>
                    <a:pt x="3" y="321"/>
                    <a:pt x="3" y="321"/>
                  </a:cubicBezTo>
                  <a:cubicBezTo>
                    <a:pt x="26" y="208"/>
                    <a:pt x="117" y="106"/>
                    <a:pt x="240" y="53"/>
                  </a:cubicBezTo>
                  <a:cubicBezTo>
                    <a:pt x="365" y="0"/>
                    <a:pt x="502" y="8"/>
                    <a:pt x="614" y="75"/>
                  </a:cubicBezTo>
                </a:path>
              </a:pathLst>
            </a:custGeom>
            <a:solidFill>
              <a:srgbClr val="03CC54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</p:grpSp>
      <p:sp>
        <p:nvSpPr>
          <p:cNvPr id="3" name="Dynamic legal" descr="{&quot;templafy&quot;:{&quot;id&quot;:&quot;022a44d2-7913-4095-bcfb-c0e70547656a&quot;}}">
            <a:extLst>
              <a:ext uri="{FF2B5EF4-FFF2-40B4-BE49-F238E27FC236}">
                <a16:creationId xmlns:a16="http://schemas.microsoft.com/office/drawing/2014/main" id="{79B1BBDD-6993-D96C-27C5-61D42FB320A3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5" name="Dynamic Internal use only" descr="{&quot;templafy&quot;:{&quot;id&quot;:&quot;3fccd231-6a05-4a91-8065-f089341d8436&quot;}}" hidden="1" title="Form.Cigna_Confidentiality.Cigna_groupConfidentiality">
            <a:extLst>
              <a:ext uri="{FF2B5EF4-FFF2-40B4-BE49-F238E27FC236}">
                <a16:creationId xmlns:a16="http://schemas.microsoft.com/office/drawing/2014/main" id="{D75A9F72-D6AE-23A2-E82D-A74A738A3FCB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59" name="Logo">
            <a:extLst>
              <a:ext uri="{FF2B5EF4-FFF2-40B4-BE49-F238E27FC236}">
                <a16:creationId xmlns:a16="http://schemas.microsoft.com/office/drawing/2014/main" id="{91091B0C-8E99-5FDD-C3E6-0CCA3A3431B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5887784"/>
            <a:ext cx="1620000" cy="61700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white">
          <a:xfrm>
            <a:off x="2300400" y="2242800"/>
            <a:ext cx="7592400" cy="1893600"/>
          </a:xfrm>
          <a:noFill/>
        </p:spPr>
        <p:txBody>
          <a:bodyPr anchor="ctr" anchorCtr="0"/>
          <a:lstStyle>
            <a:lvl1pPr algn="ctr">
              <a:lnSpc>
                <a:spcPct val="95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E88311-5E90-2868-0FBC-139955677266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D59182A7-52C8-4F5C-83C2-1A6D32F2CA0C}" type="datetime4">
              <a:rPr lang="en-US" smtClean="0"/>
              <a:pPr/>
              <a:t>March 28, 2024</a:t>
            </a:fld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36F7E41-536E-6236-F6DA-DAF434A1B0B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FEAFDF7-67EE-CDE6-BC4E-9F8CE645DD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1941404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2" orient="horz" pos="3095">
          <p15:clr>
            <a:srgbClr val="A4A3A4"/>
          </p15:clr>
        </p15:guide>
        <p15:guide id="3" orient="horz" pos="1412" userDrawn="1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v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">
            <a:extLst>
              <a:ext uri="{FF2B5EF4-FFF2-40B4-BE49-F238E27FC236}">
                <a16:creationId xmlns:a16="http://schemas.microsoft.com/office/drawing/2014/main" id="{03793051-20E6-0993-66AC-E301E0E29BF5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174078" y="0"/>
            <a:ext cx="3340800" cy="3340800"/>
          </a:xfrm>
          <a:custGeom>
            <a:avLst/>
            <a:gdLst>
              <a:gd name="connsiteX0" fmla="*/ 3429000 w 6842580"/>
              <a:gd name="connsiteY0" fmla="*/ 0 h 6858000"/>
              <a:gd name="connsiteX1" fmla="*/ 6840296 w 6842580"/>
              <a:gd name="connsiteY1" fmla="*/ 3078405 h 6858000"/>
              <a:gd name="connsiteX2" fmla="*/ 6842580 w 6842580"/>
              <a:gd name="connsiteY2" fmla="*/ 3123630 h 6858000"/>
              <a:gd name="connsiteX3" fmla="*/ 6842580 w 6842580"/>
              <a:gd name="connsiteY3" fmla="*/ 3734370 h 6858000"/>
              <a:gd name="connsiteX4" fmla="*/ 6840296 w 6842580"/>
              <a:gd name="connsiteY4" fmla="*/ 3779595 h 6858000"/>
              <a:gd name="connsiteX5" fmla="*/ 3429000 w 6842580"/>
              <a:gd name="connsiteY5" fmla="*/ 6858000 h 6858000"/>
              <a:gd name="connsiteX6" fmla="*/ 0 w 6842580"/>
              <a:gd name="connsiteY6" fmla="*/ 3429000 h 6858000"/>
              <a:gd name="connsiteX7" fmla="*/ 3429000 w 6842580"/>
              <a:gd name="connsiteY7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842580" h="6858000">
                <a:moveTo>
                  <a:pt x="3429000" y="0"/>
                </a:moveTo>
                <a:cubicBezTo>
                  <a:pt x="5204423" y="0"/>
                  <a:pt x="6664697" y="1349311"/>
                  <a:pt x="6840296" y="3078405"/>
                </a:cubicBezTo>
                <a:lnTo>
                  <a:pt x="6842580" y="3123630"/>
                </a:lnTo>
                <a:lnTo>
                  <a:pt x="6842580" y="3734370"/>
                </a:lnTo>
                <a:lnTo>
                  <a:pt x="6840296" y="3779595"/>
                </a:lnTo>
                <a:cubicBezTo>
                  <a:pt x="6664697" y="5508689"/>
                  <a:pt x="5204423" y="6858000"/>
                  <a:pt x="3429000" y="6858000"/>
                </a:cubicBezTo>
                <a:cubicBezTo>
                  <a:pt x="1535216" y="6858000"/>
                  <a:pt x="0" y="5322784"/>
                  <a:pt x="0" y="3429000"/>
                </a:cubicBezTo>
                <a:cubicBezTo>
                  <a:pt x="0" y="1535216"/>
                  <a:pt x="1535216" y="0"/>
                  <a:pt x="3429000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1" name="Picture placeholder">
            <a:extLst>
              <a:ext uri="{FF2B5EF4-FFF2-40B4-BE49-F238E27FC236}">
                <a16:creationId xmlns:a16="http://schemas.microsoft.com/office/drawing/2014/main" id="{44507D3E-CE6A-85A9-F9F5-F57343BDE867}"/>
              </a:ext>
            </a:extLst>
          </p:cNvPr>
          <p:cNvSpPr>
            <a:spLocks noGrp="1" noChangeAspect="1"/>
          </p:cNvSpPr>
          <p:nvPr>
            <p:ph type="pic" sz="quarter" idx="18"/>
          </p:nvPr>
        </p:nvSpPr>
        <p:spPr>
          <a:xfrm>
            <a:off x="6174078" y="3340800"/>
            <a:ext cx="3340800" cy="3340800"/>
          </a:xfrm>
          <a:custGeom>
            <a:avLst/>
            <a:gdLst>
              <a:gd name="connsiteX0" fmla="*/ 3429000 w 6842580"/>
              <a:gd name="connsiteY0" fmla="*/ 0 h 6858000"/>
              <a:gd name="connsiteX1" fmla="*/ 6840296 w 6842580"/>
              <a:gd name="connsiteY1" fmla="*/ 3078405 h 6858000"/>
              <a:gd name="connsiteX2" fmla="*/ 6842580 w 6842580"/>
              <a:gd name="connsiteY2" fmla="*/ 3123630 h 6858000"/>
              <a:gd name="connsiteX3" fmla="*/ 6842580 w 6842580"/>
              <a:gd name="connsiteY3" fmla="*/ 3734370 h 6858000"/>
              <a:gd name="connsiteX4" fmla="*/ 6840296 w 6842580"/>
              <a:gd name="connsiteY4" fmla="*/ 3779595 h 6858000"/>
              <a:gd name="connsiteX5" fmla="*/ 3429000 w 6842580"/>
              <a:gd name="connsiteY5" fmla="*/ 6858000 h 6858000"/>
              <a:gd name="connsiteX6" fmla="*/ 0 w 6842580"/>
              <a:gd name="connsiteY6" fmla="*/ 3429000 h 6858000"/>
              <a:gd name="connsiteX7" fmla="*/ 3429000 w 6842580"/>
              <a:gd name="connsiteY7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842580" h="6858000">
                <a:moveTo>
                  <a:pt x="3429000" y="0"/>
                </a:moveTo>
                <a:cubicBezTo>
                  <a:pt x="5204423" y="0"/>
                  <a:pt x="6664697" y="1349311"/>
                  <a:pt x="6840296" y="3078405"/>
                </a:cubicBezTo>
                <a:lnTo>
                  <a:pt x="6842580" y="3123630"/>
                </a:lnTo>
                <a:lnTo>
                  <a:pt x="6842580" y="3734370"/>
                </a:lnTo>
                <a:lnTo>
                  <a:pt x="6840296" y="3779595"/>
                </a:lnTo>
                <a:cubicBezTo>
                  <a:pt x="6664697" y="5508689"/>
                  <a:pt x="5204423" y="6858000"/>
                  <a:pt x="3429000" y="6858000"/>
                </a:cubicBezTo>
                <a:cubicBezTo>
                  <a:pt x="1535216" y="6858000"/>
                  <a:pt x="0" y="5322784"/>
                  <a:pt x="0" y="3429000"/>
                </a:cubicBezTo>
                <a:cubicBezTo>
                  <a:pt x="0" y="1535216"/>
                  <a:pt x="1535216" y="0"/>
                  <a:pt x="3429000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8DE98625-3F64-8383-442F-CC01F6CD6BA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514800" y="0"/>
            <a:ext cx="2677200" cy="3340800"/>
          </a:xfrm>
          <a:custGeom>
            <a:avLst/>
            <a:gdLst>
              <a:gd name="connsiteX0" fmla="*/ 1674164 w 2677200"/>
              <a:gd name="connsiteY0" fmla="*/ 0 h 3340800"/>
              <a:gd name="connsiteX1" fmla="*/ 2559469 w 2677200"/>
              <a:gd name="connsiteY1" fmla="*/ 252393 h 3340800"/>
              <a:gd name="connsiteX2" fmla="*/ 2677200 w 2677200"/>
              <a:gd name="connsiteY2" fmla="*/ 333294 h 3340800"/>
              <a:gd name="connsiteX3" fmla="*/ 2677200 w 2677200"/>
              <a:gd name="connsiteY3" fmla="*/ 3007507 h 3340800"/>
              <a:gd name="connsiteX4" fmla="*/ 2559469 w 2677200"/>
              <a:gd name="connsiteY4" fmla="*/ 3088407 h 3340800"/>
              <a:gd name="connsiteX5" fmla="*/ 1674164 w 2677200"/>
              <a:gd name="connsiteY5" fmla="*/ 3340800 h 3340800"/>
              <a:gd name="connsiteX6" fmla="*/ 0 w 2677200"/>
              <a:gd name="connsiteY6" fmla="*/ 1670400 h 3340800"/>
              <a:gd name="connsiteX7" fmla="*/ 1674164 w 2677200"/>
              <a:gd name="connsiteY7" fmla="*/ 0 h 3340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2677200" h="3340800">
                <a:moveTo>
                  <a:pt x="1674164" y="0"/>
                </a:moveTo>
                <a:cubicBezTo>
                  <a:pt x="1999224" y="0"/>
                  <a:pt x="2302647" y="92433"/>
                  <a:pt x="2559469" y="252393"/>
                </a:cubicBezTo>
                <a:lnTo>
                  <a:pt x="2677200" y="333294"/>
                </a:lnTo>
                <a:lnTo>
                  <a:pt x="2677200" y="3007507"/>
                </a:lnTo>
                <a:lnTo>
                  <a:pt x="2559469" y="3088407"/>
                </a:lnTo>
                <a:cubicBezTo>
                  <a:pt x="2302647" y="3248367"/>
                  <a:pt x="1999224" y="3340800"/>
                  <a:pt x="1674164" y="3340800"/>
                </a:cubicBezTo>
                <a:cubicBezTo>
                  <a:pt x="749549" y="3340800"/>
                  <a:pt x="0" y="2592936"/>
                  <a:pt x="0" y="1670400"/>
                </a:cubicBezTo>
                <a:cubicBezTo>
                  <a:pt x="0" y="747864"/>
                  <a:pt x="749549" y="0"/>
                  <a:pt x="1674164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9F12A40C-A082-4474-AA2E-68A5BBDCCE4A}"/>
              </a:ext>
            </a:extLst>
          </p:cNvPr>
          <p:cNvSpPr>
            <a:spLocks noGrp="1" noChangeAspect="1"/>
          </p:cNvSpPr>
          <p:nvPr>
            <p:ph type="pic" sz="quarter" idx="22"/>
          </p:nvPr>
        </p:nvSpPr>
        <p:spPr>
          <a:xfrm>
            <a:off x="9514800" y="3340800"/>
            <a:ext cx="2677200" cy="3340800"/>
          </a:xfrm>
          <a:custGeom>
            <a:avLst/>
            <a:gdLst>
              <a:gd name="connsiteX0" fmla="*/ 1674164 w 2677200"/>
              <a:gd name="connsiteY0" fmla="*/ 0 h 3340800"/>
              <a:gd name="connsiteX1" fmla="*/ 2559469 w 2677200"/>
              <a:gd name="connsiteY1" fmla="*/ 252393 h 3340800"/>
              <a:gd name="connsiteX2" fmla="*/ 2677200 w 2677200"/>
              <a:gd name="connsiteY2" fmla="*/ 333294 h 3340800"/>
              <a:gd name="connsiteX3" fmla="*/ 2677200 w 2677200"/>
              <a:gd name="connsiteY3" fmla="*/ 3007507 h 3340800"/>
              <a:gd name="connsiteX4" fmla="*/ 2559469 w 2677200"/>
              <a:gd name="connsiteY4" fmla="*/ 3088407 h 3340800"/>
              <a:gd name="connsiteX5" fmla="*/ 1674164 w 2677200"/>
              <a:gd name="connsiteY5" fmla="*/ 3340800 h 3340800"/>
              <a:gd name="connsiteX6" fmla="*/ 0 w 2677200"/>
              <a:gd name="connsiteY6" fmla="*/ 1670400 h 3340800"/>
              <a:gd name="connsiteX7" fmla="*/ 1674164 w 2677200"/>
              <a:gd name="connsiteY7" fmla="*/ 0 h 3340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2677200" h="3340800">
                <a:moveTo>
                  <a:pt x="1674164" y="0"/>
                </a:moveTo>
                <a:cubicBezTo>
                  <a:pt x="1999224" y="0"/>
                  <a:pt x="2302647" y="92433"/>
                  <a:pt x="2559469" y="252393"/>
                </a:cubicBezTo>
                <a:lnTo>
                  <a:pt x="2677200" y="333294"/>
                </a:lnTo>
                <a:lnTo>
                  <a:pt x="2677200" y="3007507"/>
                </a:lnTo>
                <a:lnTo>
                  <a:pt x="2559469" y="3088407"/>
                </a:lnTo>
                <a:cubicBezTo>
                  <a:pt x="2302647" y="3248367"/>
                  <a:pt x="1999224" y="3340800"/>
                  <a:pt x="1674164" y="3340800"/>
                </a:cubicBezTo>
                <a:cubicBezTo>
                  <a:pt x="749549" y="3340800"/>
                  <a:pt x="0" y="2592936"/>
                  <a:pt x="0" y="1670400"/>
                </a:cubicBezTo>
                <a:cubicBezTo>
                  <a:pt x="0" y="747864"/>
                  <a:pt x="749549" y="0"/>
                  <a:pt x="1674164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2" name="Dynamic legal" descr="{&quot;templafy&quot;:{&quot;id&quot;:&quot;96c7dbfb-a326-4862-981f-c8a7b76acd65&quot;}}">
            <a:extLst>
              <a:ext uri="{FF2B5EF4-FFF2-40B4-BE49-F238E27FC236}">
                <a16:creationId xmlns:a16="http://schemas.microsoft.com/office/drawing/2014/main" id="{7452A52C-17A6-9A28-C153-102977C5D015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4" name="Dynamic Internal use only" descr="{&quot;templafy&quot;:{&quot;id&quot;:&quot;fe465215-a301-4aef-9a72-2cd1ebea2d90&quot;}}" hidden="1" title="Form.Cigna_Confidentiality.Cigna_groupConfidentiality">
            <a:extLst>
              <a:ext uri="{FF2B5EF4-FFF2-40B4-BE49-F238E27FC236}">
                <a16:creationId xmlns:a16="http://schemas.microsoft.com/office/drawing/2014/main" id="{ED082EDB-9C8A-0AD5-0019-4157237813CC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19" name="Logo">
            <a:extLst>
              <a:ext uri="{FF2B5EF4-FFF2-40B4-BE49-F238E27FC236}">
                <a16:creationId xmlns:a16="http://schemas.microsoft.com/office/drawing/2014/main" id="{47E8E877-E7DC-5195-55E4-EFCEF1C73C5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5887784"/>
            <a:ext cx="1620000" cy="617002"/>
          </a:xfrm>
          <a:prstGeom prst="rect">
            <a:avLst/>
          </a:prstGeom>
        </p:spPr>
      </p:pic>
      <p:sp>
        <p:nvSpPr>
          <p:cNvPr id="3" name="Title 1">
            <a:extLst>
              <a:ext uri="{FF2B5EF4-FFF2-40B4-BE49-F238E27FC236}">
                <a16:creationId xmlns:a16="http://schemas.microsoft.com/office/drawing/2014/main" id="{8E32EB42-1204-89C0-0BD9-58431900B22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359999" y="1429200"/>
            <a:ext cx="4665600" cy="2707200"/>
          </a:xfrm>
          <a:noFill/>
        </p:spPr>
        <p:txBody>
          <a:bodyPr anchor="t" anchorCtr="0"/>
          <a:lstStyle>
            <a:lvl1pPr algn="l">
              <a:lnSpc>
                <a:spcPct val="95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218EFCC-5DF4-2DEC-9CCD-77069227DEA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59998" y="4914000"/>
            <a:ext cx="4665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3483E006-F713-4553-B17D-428BCF0F3F86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65443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0" userDrawn="1">
          <p15:clr>
            <a:srgbClr val="A4A3A4"/>
          </p15:clr>
        </p15:guide>
        <p15:guide id="2" orient="horz" pos="3095" userDrawn="1">
          <p15:clr>
            <a:srgbClr val="A4A3A4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360000"/>
            <a:ext cx="11473200" cy="1188000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A2DE26A6-1909-498F-A5A5-FFB84387EA2B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61086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DE7C7C7-70A7-FB30-223A-CB2357C229C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97054C36-E52E-49D7-B389-CD222B94F66E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72A712-3FB5-BB07-6772-0C564A5FD39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F7E808F-8C95-AF3A-F901-FCC3D3D2EBCF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88161096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58775" y="1158428"/>
            <a:ext cx="2736000" cy="51244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400" dirty="0">
                <a:latin typeface="+mn-lt"/>
                <a:cs typeface="Verdana" panose="020B0604030504040204" pitchFamily="34" charset="0"/>
              </a:rPr>
              <a:t>TEXT STYLES</a:t>
            </a:r>
            <a:endParaRPr lang="en-US" altLang="da-DK" sz="14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Use the </a:t>
            </a: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-key</a:t>
            </a:r>
            <a:r>
              <a:rPr lang="en-US" altLang="da-DK" sz="8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jump through levels. Click </a:t>
            </a:r>
            <a:r>
              <a:rPr lang="en-US" altLang="da-DK" sz="8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ENTER</a:t>
            </a:r>
            <a:r>
              <a:rPr lang="en-US" altLang="da-DK" sz="8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, then </a:t>
            </a:r>
            <a:r>
              <a:rPr lang="en-US" altLang="da-DK" sz="8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US" altLang="da-DK" sz="8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switch from one level to the next level</a:t>
            </a:r>
            <a:endParaRPr lang="en-US" sz="800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o go back in levels use </a:t>
            </a:r>
            <a:r>
              <a:rPr lang="en-US" altLang="da-DK" sz="8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HIFT-TAB</a:t>
            </a:r>
            <a:endParaRPr lang="en-US" sz="800" b="1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8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Alternatively, </a:t>
            </a:r>
            <a:r>
              <a:rPr lang="en-US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crease</a:t>
            </a:r>
            <a:r>
              <a:rPr lang="en-US" sz="8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US" sz="8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Decrease </a:t>
            </a:r>
            <a:r>
              <a:rPr lang="en-US" sz="8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list level can be used</a:t>
            </a:r>
            <a:endParaRPr lang="en-US" sz="800" dirty="0"/>
          </a:p>
          <a:p>
            <a:pPr eaLnBrk="1" hangingPunct="1">
              <a:spcAft>
                <a:spcPts val="600"/>
              </a:spcAft>
              <a:defRPr/>
            </a:pPr>
            <a:endParaRPr lang="en-US" sz="80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US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Use bullet button</a:t>
            </a:r>
            <a:endParaRPr lang="en-US" sz="8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Delete bullet for regular text.</a:t>
            </a:r>
            <a:b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on the bullet button to reaply the correct bullet again</a:t>
            </a:r>
            <a:endParaRPr lang="en-US" sz="8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sz="1400" dirty="0">
                <a:latin typeface="+mn-lt"/>
                <a:cs typeface="Verdana" panose="020B0604030504040204" pitchFamily="34" charset="0"/>
              </a:rPr>
              <a:t>SLIDES &amp; LAYOUTS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on the menu </a:t>
            </a: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New Slide </a:t>
            </a: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ome</a:t>
            </a: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ab to insert a new slide</a:t>
            </a:r>
            <a:b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hange layout</a:t>
            </a:r>
            <a:endParaRPr lang="en-US" sz="8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Click on the arrow next to </a:t>
            </a:r>
            <a:r>
              <a:rPr lang="en-US" sz="800" b="1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Layout </a:t>
            </a:r>
            <a:r>
              <a:rPr lang="en-US" sz="800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to view a dropdown menu of possible slide layouts</a:t>
            </a:r>
            <a:br>
              <a:rPr lang="en-US" altLang="da-DK" sz="8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8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Reset slide</a:t>
            </a:r>
            <a:endParaRPr lang="en-US" sz="800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8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US" altLang="da-DK" sz="8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Reset </a:t>
            </a:r>
            <a:r>
              <a:rPr lang="en-US" altLang="da-DK" sz="8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menu to reset position, size</a:t>
            </a:r>
            <a:r>
              <a:rPr lang="en-US" altLang="da-DK" sz="8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and formatting of the slide placeholders to their default settings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endParaRPr lang="en-US" altLang="da-DK" sz="80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1400" dirty="0">
                <a:latin typeface="+mn-lt"/>
                <a:cs typeface="Verdana" panose="020B0604030504040204" pitchFamily="34" charset="0"/>
              </a:rPr>
              <a:t>GRIDLINES</a:t>
            </a:r>
            <a:endParaRPr lang="en-US" sz="800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View</a:t>
            </a: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ab and set tick mark next to </a:t>
            </a: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US" altLang="da-DK" sz="8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Alt + F9 </a:t>
            </a: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for quick view of 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996183" y="2730085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996724" y="2107632"/>
            <a:ext cx="457143" cy="257143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002605" y="3678075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002605" y="4892751"/>
            <a:ext cx="538465" cy="172841"/>
          </a:xfrm>
          <a:prstGeom prst="rect">
            <a:avLst/>
          </a:prstGeom>
        </p:spPr>
      </p:pic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5" y="358775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Verdana" panose="020B0604030504040204" pitchFamily="34" charset="0"/>
              </a:rPr>
              <a:t>TIPS &amp; TRICKS - YOUR USER GUIDE</a:t>
            </a:r>
            <a:endParaRPr lang="en-US" dirty="0"/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02604" y="4404845"/>
            <a:ext cx="475428" cy="176762"/>
          </a:xfrm>
          <a:prstGeom prst="rect">
            <a:avLst/>
          </a:prstGeom>
        </p:spPr>
      </p:pic>
      <p:sp>
        <p:nvSpPr>
          <p:cNvPr id="2" name="Text Box 3">
            <a:extLst>
              <a:ext uri="{FF2B5EF4-FFF2-40B4-BE49-F238E27FC236}">
                <a16:creationId xmlns:a16="http://schemas.microsoft.com/office/drawing/2014/main" id="{0656886F-D6E5-8100-D56F-239630B77B0F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071251" y="1158428"/>
            <a:ext cx="2890410" cy="53245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400" dirty="0">
                <a:latin typeface="+mn-lt"/>
                <a:cs typeface="Verdana" panose="020B0604030504040204" pitchFamily="34" charset="0"/>
              </a:rPr>
              <a:t>PICTURES</a:t>
            </a:r>
            <a:br>
              <a:rPr lang="en-US" sz="900" dirty="0">
                <a:latin typeface="+mn-lt"/>
                <a:cs typeface="Verdana" panose="020B0604030504040204" pitchFamily="34" charset="0"/>
              </a:rPr>
            </a:br>
            <a:r>
              <a:rPr lang="en-US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 corporate picture from Templafy</a:t>
            </a:r>
            <a:endParaRPr lang="en-US" altLang="da-DK" sz="8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1.</a:t>
            </a: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Click the blue </a:t>
            </a:r>
            <a:r>
              <a:rPr lang="en-US" altLang="da-DK" sz="8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emplafy </a:t>
            </a:r>
            <a:r>
              <a:rPr lang="en-US" altLang="da-DK" sz="8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button</a:t>
            </a:r>
            <a:endParaRPr lang="en-US" sz="8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US" altLang="da-DK" sz="8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 the dropdown, click </a:t>
            </a:r>
            <a:r>
              <a:rPr lang="en-US" altLang="da-DK" sz="8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mages</a:t>
            </a:r>
            <a:r>
              <a:rPr lang="en-US" altLang="da-DK" sz="8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, or click the </a:t>
            </a:r>
            <a:r>
              <a:rPr lang="en-US" altLang="da-DK" sz="8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mages </a:t>
            </a:r>
            <a:r>
              <a:rPr lang="en-US" altLang="da-DK" sz="800" b="0" i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button</a:t>
            </a:r>
            <a:r>
              <a:rPr lang="en-US" altLang="da-DK" sz="8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in the Templafy pane on the right side of the screen</a:t>
            </a:r>
            <a:endParaRPr lang="en-US" altLang="da-DK" sz="80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800" b="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 picture</a:t>
            </a:r>
            <a:endParaRPr lang="en-US" sz="800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On slides with pictureplaceholder, click on the icon and choose </a:t>
            </a: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</a:t>
            </a:r>
            <a:endParaRPr lang="en-US" sz="800" dirty="0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rop picture</a:t>
            </a:r>
            <a:endParaRPr lang="en-US" sz="800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1. </a:t>
            </a: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rop</a:t>
            </a: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change size or focus of the picture</a:t>
            </a:r>
            <a:endParaRPr lang="en-US" sz="800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you want to scale the picture, hold </a:t>
            </a: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HIFT</a:t>
            </a: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-key down while dragging the corners of the picture</a:t>
            </a:r>
            <a:b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endParaRPr lang="en-US" altLang="da-DK" sz="8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you delete the picture and insert a new one, the picture may lie in front of the text or graphic.</a:t>
            </a:r>
            <a:b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8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this happens, select the picture, right-click and choose </a:t>
            </a:r>
            <a: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end to Back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800" b="1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4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8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8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8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8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br>
              <a:rPr lang="en-US" altLang="da-DK" sz="8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endParaRPr lang="en-US" sz="800" dirty="0"/>
          </a:p>
        </p:txBody>
      </p:sp>
      <p:grpSp>
        <p:nvGrpSpPr>
          <p:cNvPr id="3" name="Gruppe 25">
            <a:extLst>
              <a:ext uri="{FF2B5EF4-FFF2-40B4-BE49-F238E27FC236}">
                <a16:creationId xmlns:a16="http://schemas.microsoft.com/office/drawing/2014/main" id="{08BAB3A0-E2A1-739E-A0BD-2820A25C8296}"/>
              </a:ext>
            </a:extLst>
          </p:cNvPr>
          <p:cNvGrpSpPr/>
          <p:nvPr userDrawn="1"/>
        </p:nvGrpSpPr>
        <p:grpSpPr>
          <a:xfrm>
            <a:off x="7083822" y="1246258"/>
            <a:ext cx="676669" cy="997704"/>
            <a:chOff x="6442771" y="2574072"/>
            <a:chExt cx="676669" cy="997704"/>
          </a:xfrm>
        </p:grpSpPr>
        <p:pic>
          <p:nvPicPr>
            <p:cNvPr id="4" name="Billede 26">
              <a:extLst>
                <a:ext uri="{FF2B5EF4-FFF2-40B4-BE49-F238E27FC236}">
                  <a16:creationId xmlns:a16="http://schemas.microsoft.com/office/drawing/2014/main" id="{0A146719-ADE0-83E6-0287-E6E1F3DC35BE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7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5" name="Billede 37">
              <a:extLst>
                <a:ext uri="{FF2B5EF4-FFF2-40B4-BE49-F238E27FC236}">
                  <a16:creationId xmlns:a16="http://schemas.microsoft.com/office/drawing/2014/main" id="{7E59B2F3-EB55-7E0F-CB0E-3B59F74158D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8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6" name="Picture 33">
            <a:extLst>
              <a:ext uri="{FF2B5EF4-FFF2-40B4-BE49-F238E27FC236}">
                <a16:creationId xmlns:a16="http://schemas.microsoft.com/office/drawing/2014/main" id="{9107458D-FCB6-3387-7FAE-A2C29BF2168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l="3901" t="45142" r="62601" b="9046"/>
          <a:stretch/>
        </p:blipFill>
        <p:spPr>
          <a:xfrm>
            <a:off x="7083822" y="2468288"/>
            <a:ext cx="341204" cy="321707"/>
          </a:xfrm>
          <a:prstGeom prst="rect">
            <a:avLst/>
          </a:prstGeom>
        </p:spPr>
      </p:pic>
      <p:pic>
        <p:nvPicPr>
          <p:cNvPr id="7" name="Picture 19">
            <a:extLst>
              <a:ext uri="{FF2B5EF4-FFF2-40B4-BE49-F238E27FC236}">
                <a16:creationId xmlns:a16="http://schemas.microsoft.com/office/drawing/2014/main" id="{DAE485A9-B85B-EF70-4049-87B95B69D8A5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7139843" y="3271730"/>
            <a:ext cx="313788" cy="543900"/>
          </a:xfrm>
          <a:prstGeom prst="rect">
            <a:avLst/>
          </a:prstGeom>
        </p:spPr>
      </p:pic>
      <p:pic>
        <p:nvPicPr>
          <p:cNvPr id="8" name="Picture 2" descr="C:\Users\MAV~1.SKA\AppData\Local\Temp\SNAGHTMLe48c1e.PNG">
            <a:extLst>
              <a:ext uri="{FF2B5EF4-FFF2-40B4-BE49-F238E27FC236}">
                <a16:creationId xmlns:a16="http://schemas.microsoft.com/office/drawing/2014/main" id="{D38CF8BC-C5A4-73F8-36DC-B9CCBC2974E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82375" y="321283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12">
            <a:extLst>
              <a:ext uri="{FF2B5EF4-FFF2-40B4-BE49-F238E27FC236}">
                <a16:creationId xmlns:a16="http://schemas.microsoft.com/office/drawing/2014/main" id="{85879901-9B42-C067-0932-1F2010F6A8B4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7112225" y="5159808"/>
            <a:ext cx="378293" cy="543366"/>
          </a:xfrm>
          <a:prstGeom prst="rect">
            <a:avLst/>
          </a:prstGeom>
        </p:spPr>
      </p:pic>
      <p:sp>
        <p:nvSpPr>
          <p:cNvPr id="10" name="Text Box 4">
            <a:extLst>
              <a:ext uri="{FF2B5EF4-FFF2-40B4-BE49-F238E27FC236}">
                <a16:creationId xmlns:a16="http://schemas.microsoft.com/office/drawing/2014/main" id="{41BB29B4-446D-3EE1-5EDC-3F3E4C0A798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37426" y="1158428"/>
            <a:ext cx="2890409" cy="515525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4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800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800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800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800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800" b="1" i="0" u="sng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8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When presentation is done, open an empty presentation (press Ctrl+N). Copy all slides from presentation, paste them into empty one. This will ensure that there are no extra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4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8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8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8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8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1400" kern="1200" cap="all" baseline="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lo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8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Theme Colors </a:t>
            </a:r>
            <a: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 the</a:t>
            </a:r>
            <a:b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mpany color, Accent </a:t>
            </a:r>
            <a:b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1-6 is the color that the</a:t>
            </a:r>
            <a:b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harts</a:t>
            </a:r>
            <a: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 and SmartArt use</a:t>
            </a:r>
            <a:b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b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8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Gradients Colors </a:t>
            </a:r>
            <a: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</a:t>
            </a:r>
            <a:b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PPT standard color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8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ustom Colors </a:t>
            </a:r>
            <a: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 the</a:t>
            </a:r>
            <a:b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lor to use in icon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8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Standard Colors </a:t>
            </a:r>
            <a: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</a:t>
            </a:r>
            <a:b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PPT standard colors</a:t>
            </a:r>
          </a:p>
        </p:txBody>
      </p:sp>
      <p:sp>
        <p:nvSpPr>
          <p:cNvPr id="15" name="Tekstfelt 17">
            <a:extLst>
              <a:ext uri="{FF2B5EF4-FFF2-40B4-BE49-F238E27FC236}">
                <a16:creationId xmlns:a16="http://schemas.microsoft.com/office/drawing/2014/main" id="{DAF0A54E-A969-45C1-792C-DB685545F640}"/>
              </a:ext>
            </a:extLst>
          </p:cNvPr>
          <p:cNvSpPr txBox="1"/>
          <p:nvPr userDrawn="1"/>
        </p:nvSpPr>
        <p:spPr>
          <a:xfrm>
            <a:off x="10738851" y="4818007"/>
            <a:ext cx="108000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300"/>
              </a:spcBef>
            </a:pPr>
            <a:r>
              <a:rPr lang="en-GB" sz="800" dirty="0">
                <a:solidFill>
                  <a:schemeClr val="tx1"/>
                </a:solidFill>
              </a:rPr>
              <a:t>Theme Colors and </a:t>
            </a:r>
            <a:br>
              <a:rPr lang="en-GB" sz="800" dirty="0">
                <a:solidFill>
                  <a:schemeClr val="tx1"/>
                </a:solidFill>
              </a:rPr>
            </a:br>
            <a:r>
              <a:rPr lang="en-GB" sz="800" dirty="0">
                <a:solidFill>
                  <a:schemeClr val="tx1"/>
                </a:solidFill>
              </a:rPr>
              <a:t>Accent 1-6 for </a:t>
            </a:r>
            <a:r>
              <a:rPr lang="en-US" altLang="da-DK" sz="8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harts</a:t>
            </a:r>
            <a:endParaRPr lang="en-GB" sz="800" dirty="0">
              <a:solidFill>
                <a:schemeClr val="tx1"/>
              </a:solidFill>
            </a:endParaRPr>
          </a:p>
        </p:txBody>
      </p:sp>
      <p:sp>
        <p:nvSpPr>
          <p:cNvPr id="16" name="Tekstfelt 18">
            <a:extLst>
              <a:ext uri="{FF2B5EF4-FFF2-40B4-BE49-F238E27FC236}">
                <a16:creationId xmlns:a16="http://schemas.microsoft.com/office/drawing/2014/main" id="{B8546CBA-FB53-CD3B-C715-5ED1685BE86D}"/>
              </a:ext>
            </a:extLst>
          </p:cNvPr>
          <p:cNvSpPr txBox="1"/>
          <p:nvPr userDrawn="1"/>
        </p:nvSpPr>
        <p:spPr>
          <a:xfrm>
            <a:off x="10738851" y="5214328"/>
            <a:ext cx="108000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300"/>
              </a:spcBef>
            </a:pPr>
            <a:r>
              <a:rPr lang="en-GB" sz="800" dirty="0">
                <a:solidFill>
                  <a:schemeClr val="tx1"/>
                </a:solidFill>
              </a:rPr>
              <a:t>Gradients Colors</a:t>
            </a:r>
          </a:p>
        </p:txBody>
      </p:sp>
      <p:sp>
        <p:nvSpPr>
          <p:cNvPr id="17" name="Tekstfelt 20">
            <a:extLst>
              <a:ext uri="{FF2B5EF4-FFF2-40B4-BE49-F238E27FC236}">
                <a16:creationId xmlns:a16="http://schemas.microsoft.com/office/drawing/2014/main" id="{3687EFCC-8F45-95BA-BAA9-D8349C1133BD}"/>
              </a:ext>
            </a:extLst>
          </p:cNvPr>
          <p:cNvSpPr txBox="1"/>
          <p:nvPr userDrawn="1"/>
        </p:nvSpPr>
        <p:spPr>
          <a:xfrm>
            <a:off x="10738851" y="5765795"/>
            <a:ext cx="108000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300"/>
              </a:spcBef>
            </a:pPr>
            <a:r>
              <a:rPr lang="en-GB" sz="800" dirty="0">
                <a:solidFill>
                  <a:schemeClr val="tx1"/>
                </a:solidFill>
              </a:rPr>
              <a:t>Custom Colors </a:t>
            </a:r>
          </a:p>
        </p:txBody>
      </p:sp>
      <p:sp>
        <p:nvSpPr>
          <p:cNvPr id="18" name="Tekstfelt 21">
            <a:extLst>
              <a:ext uri="{FF2B5EF4-FFF2-40B4-BE49-F238E27FC236}">
                <a16:creationId xmlns:a16="http://schemas.microsoft.com/office/drawing/2014/main" id="{C9FA1164-35E5-A025-B7FC-174CA6A1D4F9}"/>
              </a:ext>
            </a:extLst>
          </p:cNvPr>
          <p:cNvSpPr txBox="1"/>
          <p:nvPr userDrawn="1"/>
        </p:nvSpPr>
        <p:spPr>
          <a:xfrm>
            <a:off x="10738851" y="6184104"/>
            <a:ext cx="1080000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300"/>
              </a:spcBef>
            </a:pPr>
            <a:r>
              <a:rPr lang="en-GB" sz="800" dirty="0">
                <a:solidFill>
                  <a:schemeClr val="tx1"/>
                </a:solidFill>
              </a:rPr>
              <a:t>Standard Colors 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1DB1E10B-FFB4-0FA5-624C-20FA631BA8E2}"/>
              </a:ext>
            </a:extLst>
          </p:cNvPr>
          <p:cNvGrpSpPr/>
          <p:nvPr userDrawn="1"/>
        </p:nvGrpSpPr>
        <p:grpSpPr>
          <a:xfrm>
            <a:off x="9419448" y="4667238"/>
            <a:ext cx="1218147" cy="1685854"/>
            <a:chOff x="8902957" y="4404845"/>
            <a:chExt cx="1694876" cy="2345624"/>
          </a:xfrm>
        </p:grpSpPr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F377FCCA-D544-B50B-FFD4-E90D6DFBB5C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3"/>
            <a:srcRect b="20552"/>
            <a:stretch/>
          </p:blipFill>
          <p:spPr>
            <a:xfrm>
              <a:off x="8916989" y="4404845"/>
              <a:ext cx="1657143" cy="2345624"/>
            </a:xfrm>
            <a:prstGeom prst="rect">
              <a:avLst/>
            </a:prstGeom>
          </p:spPr>
        </p:pic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CB9C4E1A-58CA-E8E0-72E7-20B4CE824891}"/>
                </a:ext>
              </a:extLst>
            </p:cNvPr>
            <p:cNvSpPr/>
            <p:nvPr userDrawn="1"/>
          </p:nvSpPr>
          <p:spPr>
            <a:xfrm>
              <a:off x="8911678" y="4661449"/>
              <a:ext cx="1676485" cy="227013"/>
            </a:xfrm>
            <a:prstGeom prst="rect">
              <a:avLst/>
            </a:prstGeom>
            <a:noFill/>
            <a:ln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>
                <a:spcBef>
                  <a:spcPts val="300"/>
                </a:spcBef>
              </a:pPr>
              <a:endParaRPr lang="en-GB" sz="1800" noProof="0" dirty="0" err="1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0AE7DB6C-4731-25AD-838B-A4BAA75C86B8}"/>
                </a:ext>
              </a:extLst>
            </p:cNvPr>
            <p:cNvSpPr/>
            <p:nvPr userDrawn="1"/>
          </p:nvSpPr>
          <p:spPr>
            <a:xfrm>
              <a:off x="8911678" y="5742540"/>
              <a:ext cx="1676485" cy="463734"/>
            </a:xfrm>
            <a:prstGeom prst="rect">
              <a:avLst/>
            </a:prstGeom>
            <a:noFill/>
            <a:ln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>
                <a:spcBef>
                  <a:spcPts val="300"/>
                </a:spcBef>
              </a:pPr>
              <a:endParaRPr lang="en-GB" sz="18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D2EE061E-F948-FB40-0952-DF3B89C5A404}"/>
                </a:ext>
              </a:extLst>
            </p:cNvPr>
            <p:cNvSpPr/>
            <p:nvPr userDrawn="1"/>
          </p:nvSpPr>
          <p:spPr>
            <a:xfrm>
              <a:off x="9581273" y="4661449"/>
              <a:ext cx="1006890" cy="227012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>
                <a:spcBef>
                  <a:spcPts val="300"/>
                </a:spcBef>
              </a:pPr>
              <a:endParaRPr lang="en-GB" sz="1800" noProof="0" dirty="0" err="1"/>
            </a:p>
          </p:txBody>
        </p: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02812C4-2EF1-743A-3167-43D76CFC5C5E}"/>
                </a:ext>
              </a:extLst>
            </p:cNvPr>
            <p:cNvGrpSpPr/>
            <p:nvPr userDrawn="1"/>
          </p:nvGrpSpPr>
          <p:grpSpPr>
            <a:xfrm>
              <a:off x="8921348" y="4966791"/>
              <a:ext cx="1676485" cy="621759"/>
              <a:chOff x="6285057" y="2007141"/>
              <a:chExt cx="1676485" cy="680095"/>
            </a:xfrm>
          </p:grpSpPr>
          <p:cxnSp>
            <p:nvCxnSpPr>
              <p:cNvPr id="20" name="Straight Connector 19">
                <a:extLst>
                  <a:ext uri="{FF2B5EF4-FFF2-40B4-BE49-F238E27FC236}">
                    <a16:creationId xmlns:a16="http://schemas.microsoft.com/office/drawing/2014/main" id="{DB0493CA-4788-96F4-6DE9-4C15A378926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6285057" y="2007141"/>
                <a:ext cx="1676485" cy="680095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1" name="Straight Connector 20">
                <a:extLst>
                  <a:ext uri="{FF2B5EF4-FFF2-40B4-BE49-F238E27FC236}">
                    <a16:creationId xmlns:a16="http://schemas.microsoft.com/office/drawing/2014/main" id="{56AF6FFA-670B-DF6A-06CD-6C9CA308CB0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6291690" y="2014958"/>
                <a:ext cx="1657397" cy="672278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4AFD3DF0-2FCC-C7D1-BFE5-BDC8B9BBE83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906587" y="6546244"/>
              <a:ext cx="1650170" cy="164703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8831D398-FFF4-FB77-7C26-D299E46DDC3A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8902957" y="6546250"/>
              <a:ext cx="1653802" cy="164703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429305663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 bwMode="inv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invGray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one</a:t>
            </a:r>
            <a:r>
              <a:rPr lang="en-US" sz="4400" b="0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6" y="3391414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invGray">
          <a:xfrm>
            <a:off x="430214" y="2780879"/>
            <a:ext cx="10152346" cy="186204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1500" b="1" i="1" noProof="0" dirty="0">
                <a:solidFill>
                  <a:schemeClr val="bg1"/>
                </a:solidFill>
              </a:rPr>
              <a:t>Do not use </a:t>
            </a:r>
            <a:endParaRPr lang="en-US" sz="20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invGray">
          <a:xfrm>
            <a:off x="430214" y="5186455"/>
            <a:ext cx="11356974" cy="9079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8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 sz="1800" dirty="0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8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98216289-E8E6-4C2E-95B6-54F87CE96456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invGray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v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bg1"/>
              </a:solidFill>
            </a:endParaRPr>
          </a:p>
        </p:txBody>
      </p:sp>
      <p:sp>
        <p:nvSpPr>
          <p:cNvPr id="4" name="Freeform: Shape 3">
            <a:extLst>
              <a:ext uri="{FF2B5EF4-FFF2-40B4-BE49-F238E27FC236}">
                <a16:creationId xmlns:a16="http://schemas.microsoft.com/office/drawing/2014/main" id="{B6B5D909-F8D1-C3D7-DE43-31CB53FF28EA}"/>
              </a:ext>
            </a:extLst>
          </p:cNvPr>
          <p:cNvSpPr>
            <a:spLocks/>
          </p:cNvSpPr>
          <p:nvPr userDrawn="1"/>
        </p:nvSpPr>
        <p:spPr>
          <a:xfrm>
            <a:off x="6108942" y="0"/>
            <a:ext cx="6083058" cy="6858000"/>
          </a:xfrm>
          <a:custGeom>
            <a:avLst/>
            <a:gdLst>
              <a:gd name="connsiteX0" fmla="*/ 3191468 w 6083058"/>
              <a:gd name="connsiteY0" fmla="*/ 0 h 6858000"/>
              <a:gd name="connsiteX1" fmla="*/ 3428999 w 6083058"/>
              <a:gd name="connsiteY1" fmla="*/ 0 h 6858000"/>
              <a:gd name="connsiteX2" fmla="*/ 5568495 w 6083058"/>
              <a:gd name="connsiteY2" fmla="*/ 0 h 6858000"/>
              <a:gd name="connsiteX3" fmla="*/ 6083058 w 6083058"/>
              <a:gd name="connsiteY3" fmla="*/ 0 h 6858000"/>
              <a:gd name="connsiteX4" fmla="*/ 6083058 w 6083058"/>
              <a:gd name="connsiteY4" fmla="*/ 6858000 h 6858000"/>
              <a:gd name="connsiteX5" fmla="*/ 5568495 w 6083058"/>
              <a:gd name="connsiteY5" fmla="*/ 6858000 h 6858000"/>
              <a:gd name="connsiteX6" fmla="*/ 3428999 w 6083058"/>
              <a:gd name="connsiteY6" fmla="*/ 6858000 h 6858000"/>
              <a:gd name="connsiteX7" fmla="*/ 3191468 w 6083058"/>
              <a:gd name="connsiteY7" fmla="*/ 6858000 h 6858000"/>
              <a:gd name="connsiteX8" fmla="*/ 3191468 w 6083058"/>
              <a:gd name="connsiteY8" fmla="*/ 6848894 h 6858000"/>
              <a:gd name="connsiteX9" fmla="*/ 3078404 w 6083058"/>
              <a:gd name="connsiteY9" fmla="*/ 6840297 h 6858000"/>
              <a:gd name="connsiteX10" fmla="*/ 0 w 6083058"/>
              <a:gd name="connsiteY10" fmla="*/ 3429000 h 6858000"/>
              <a:gd name="connsiteX11" fmla="*/ 3078404 w 6083058"/>
              <a:gd name="connsiteY11" fmla="*/ 17704 h 6858000"/>
              <a:gd name="connsiteX12" fmla="*/ 3191468 w 6083058"/>
              <a:gd name="connsiteY12" fmla="*/ 9106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6083058" h="6858000">
                <a:moveTo>
                  <a:pt x="3191468" y="0"/>
                </a:moveTo>
                <a:lnTo>
                  <a:pt x="3428999" y="0"/>
                </a:lnTo>
                <a:lnTo>
                  <a:pt x="5568495" y="0"/>
                </a:lnTo>
                <a:lnTo>
                  <a:pt x="6083058" y="0"/>
                </a:lnTo>
                <a:lnTo>
                  <a:pt x="6083058" y="6858000"/>
                </a:lnTo>
                <a:lnTo>
                  <a:pt x="5568495" y="6858000"/>
                </a:lnTo>
                <a:lnTo>
                  <a:pt x="3428999" y="6858000"/>
                </a:lnTo>
                <a:lnTo>
                  <a:pt x="3191468" y="6858000"/>
                </a:lnTo>
                <a:lnTo>
                  <a:pt x="3191468" y="6848894"/>
                </a:lnTo>
                <a:lnTo>
                  <a:pt x="3078404" y="6840297"/>
                </a:lnTo>
                <a:cubicBezTo>
                  <a:pt x="1349310" y="6664698"/>
                  <a:pt x="0" y="5204423"/>
                  <a:pt x="0" y="3429000"/>
                </a:cubicBezTo>
                <a:cubicBezTo>
                  <a:pt x="0" y="1653578"/>
                  <a:pt x="1349310" y="193303"/>
                  <a:pt x="3078404" y="17704"/>
                </a:cubicBezTo>
                <a:lnTo>
                  <a:pt x="3191468" y="9106"/>
                </a:lnTo>
                <a:close/>
              </a:path>
            </a:pathLst>
          </a:cu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1600" noProof="0" dirty="0" err="1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8A7D9E7C-D698-4CF6-952E-D665A7D8FCD0}"/>
              </a:ext>
            </a:extLst>
          </p:cNvPr>
          <p:cNvSpPr/>
          <p:nvPr userDrawn="1"/>
        </p:nvSpPr>
        <p:spPr>
          <a:xfrm>
            <a:off x="8029819" y="0"/>
            <a:ext cx="4162182" cy="6858000"/>
          </a:xfrm>
          <a:custGeom>
            <a:avLst/>
            <a:gdLst>
              <a:gd name="connsiteX0" fmla="*/ 3420176 w 4162182"/>
              <a:gd name="connsiteY0" fmla="*/ 0 h 6858000"/>
              <a:gd name="connsiteX1" fmla="*/ 3429000 w 4162182"/>
              <a:gd name="connsiteY1" fmla="*/ 0 h 6858000"/>
              <a:gd name="connsiteX2" fmla="*/ 4162182 w 4162182"/>
              <a:gd name="connsiteY2" fmla="*/ 0 h 6858000"/>
              <a:gd name="connsiteX3" fmla="*/ 4162182 w 4162182"/>
              <a:gd name="connsiteY3" fmla="*/ 131885 h 6858000"/>
              <a:gd name="connsiteX4" fmla="*/ 4162180 w 4162182"/>
              <a:gd name="connsiteY4" fmla="*/ 131885 h 6858000"/>
              <a:gd name="connsiteX5" fmla="*/ 4162180 w 4162182"/>
              <a:gd name="connsiteY5" fmla="*/ 6726115 h 6858000"/>
              <a:gd name="connsiteX6" fmla="*/ 4162181 w 4162182"/>
              <a:gd name="connsiteY6" fmla="*/ 6726115 h 6858000"/>
              <a:gd name="connsiteX7" fmla="*/ 4162181 w 4162182"/>
              <a:gd name="connsiteY7" fmla="*/ 6858000 h 6858000"/>
              <a:gd name="connsiteX8" fmla="*/ 3429000 w 4162182"/>
              <a:gd name="connsiteY8" fmla="*/ 6858000 h 6858000"/>
              <a:gd name="connsiteX9" fmla="*/ 3420175 w 4162182"/>
              <a:gd name="connsiteY9" fmla="*/ 6858000 h 6858000"/>
              <a:gd name="connsiteX10" fmla="*/ 3420175 w 4162182"/>
              <a:gd name="connsiteY10" fmla="*/ 6857555 h 6858000"/>
              <a:gd name="connsiteX11" fmla="*/ 3078405 w 4162182"/>
              <a:gd name="connsiteY11" fmla="*/ 6840297 h 6858000"/>
              <a:gd name="connsiteX12" fmla="*/ 0 w 4162182"/>
              <a:gd name="connsiteY12" fmla="*/ 3429000 h 6858000"/>
              <a:gd name="connsiteX13" fmla="*/ 3078405 w 4162182"/>
              <a:gd name="connsiteY13" fmla="*/ 17704 h 6858000"/>
              <a:gd name="connsiteX14" fmla="*/ 3420176 w 4162182"/>
              <a:gd name="connsiteY14" fmla="*/ 446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4162182" h="6858000">
                <a:moveTo>
                  <a:pt x="3420176" y="0"/>
                </a:moveTo>
                <a:lnTo>
                  <a:pt x="3429000" y="0"/>
                </a:lnTo>
                <a:lnTo>
                  <a:pt x="4162182" y="0"/>
                </a:lnTo>
                <a:lnTo>
                  <a:pt x="4162182" y="131885"/>
                </a:lnTo>
                <a:lnTo>
                  <a:pt x="4162180" y="131885"/>
                </a:lnTo>
                <a:lnTo>
                  <a:pt x="4162180" y="6726115"/>
                </a:lnTo>
                <a:lnTo>
                  <a:pt x="4162181" y="6726115"/>
                </a:lnTo>
                <a:lnTo>
                  <a:pt x="4162181" y="6858000"/>
                </a:lnTo>
                <a:lnTo>
                  <a:pt x="3429000" y="6858000"/>
                </a:lnTo>
                <a:lnTo>
                  <a:pt x="3420175" y="6858000"/>
                </a:lnTo>
                <a:lnTo>
                  <a:pt x="3420175" y="6857555"/>
                </a:lnTo>
                <a:lnTo>
                  <a:pt x="3078405" y="6840297"/>
                </a:lnTo>
                <a:cubicBezTo>
                  <a:pt x="1349311" y="6664698"/>
                  <a:pt x="0" y="5204423"/>
                  <a:pt x="0" y="3429000"/>
                </a:cubicBezTo>
                <a:cubicBezTo>
                  <a:pt x="0" y="1653578"/>
                  <a:pt x="1349311" y="193303"/>
                  <a:pt x="3078405" y="17704"/>
                </a:cubicBezTo>
                <a:lnTo>
                  <a:pt x="3420176" y="446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1600" noProof="0" dirty="0" err="1"/>
          </a:p>
        </p:txBody>
      </p:sp>
      <p:sp>
        <p:nvSpPr>
          <p:cNvPr id="10" name="Dynamic legal" descr="{&quot;templafy&quot;:{&quot;id&quot;:&quot;77ec7e28-1038-4755-937e-eabee2af6417&quot;}}">
            <a:extLst>
              <a:ext uri="{FF2B5EF4-FFF2-40B4-BE49-F238E27FC236}">
                <a16:creationId xmlns:a16="http://schemas.microsoft.com/office/drawing/2014/main" id="{7D84815F-03A1-AB85-3677-CA666E93F862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2" name="Dynamic Internal use only" descr="{&quot;templafy&quot;:{&quot;id&quot;:&quot;e1786ed9-716e-4b7b-9ad1-0a0bc607b239&quot;}}" hidden="1" title="Form.Cigna_Confidentiality.Cigna_groupConfidentiality">
            <a:extLst>
              <a:ext uri="{FF2B5EF4-FFF2-40B4-BE49-F238E27FC236}">
                <a16:creationId xmlns:a16="http://schemas.microsoft.com/office/drawing/2014/main" id="{B1AEC331-F381-67E8-6082-76D7DAE6AD48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9" name="Logo">
            <a:extLst>
              <a:ext uri="{FF2B5EF4-FFF2-40B4-BE49-F238E27FC236}">
                <a16:creationId xmlns:a16="http://schemas.microsoft.com/office/drawing/2014/main" id="{8FBCFAB7-21E0-F77E-07DD-794487CEAE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5887784"/>
            <a:ext cx="1620000" cy="617002"/>
          </a:xfrm>
          <a:prstGeom prst="rect">
            <a:avLst/>
          </a:prstGeom>
        </p:spPr>
      </p:pic>
      <p:sp>
        <p:nvSpPr>
          <p:cNvPr id="3" name="Title 1">
            <a:extLst>
              <a:ext uri="{FF2B5EF4-FFF2-40B4-BE49-F238E27FC236}">
                <a16:creationId xmlns:a16="http://schemas.microsoft.com/office/drawing/2014/main" id="{8E32EB42-1204-89C0-0BD9-58431900B22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359999" y="1429200"/>
            <a:ext cx="4665600" cy="2707200"/>
          </a:xfrm>
          <a:noFill/>
        </p:spPr>
        <p:txBody>
          <a:bodyPr anchor="t" anchorCtr="0"/>
          <a:lstStyle>
            <a:lvl1pPr algn="l">
              <a:lnSpc>
                <a:spcPct val="95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218EFCC-5DF4-2DEC-9CCD-77069227DEA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59998" y="4914000"/>
            <a:ext cx="4665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3483E006-F713-4553-B17D-428BCF0F3F86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260442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0" userDrawn="1">
          <p15:clr>
            <a:srgbClr val="A4A3A4"/>
          </p15:clr>
        </p15:guide>
        <p15:guide id="2" orient="horz" pos="3095" userDrawn="1">
          <p15:clr>
            <a:srgbClr val="A4A3A4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v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bg1"/>
              </a:solidFill>
            </a:endParaRPr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B0C152AC-7170-7C6C-D1F3-AE9155C12354}"/>
              </a:ext>
            </a:extLst>
          </p:cNvPr>
          <p:cNvSpPr/>
          <p:nvPr userDrawn="1"/>
        </p:nvSpPr>
        <p:spPr>
          <a:xfrm>
            <a:off x="1" y="0"/>
            <a:ext cx="9859964" cy="6858000"/>
          </a:xfrm>
          <a:custGeom>
            <a:avLst/>
            <a:gdLst>
              <a:gd name="connsiteX0" fmla="*/ 0 w 9859964"/>
              <a:gd name="connsiteY0" fmla="*/ 0 h 6858000"/>
              <a:gd name="connsiteX1" fmla="*/ 9038161 w 9859964"/>
              <a:gd name="connsiteY1" fmla="*/ 0 h 6858000"/>
              <a:gd name="connsiteX2" fmla="*/ 9113467 w 9859964"/>
              <a:gd name="connsiteY2" fmla="*/ 147034 h 6858000"/>
              <a:gd name="connsiteX3" fmla="*/ 9859964 w 9859964"/>
              <a:gd name="connsiteY3" fmla="*/ 3429000 h 6858000"/>
              <a:gd name="connsiteX4" fmla="*/ 9859962 w 9859964"/>
              <a:gd name="connsiteY4" fmla="*/ 3429000 h 6858000"/>
              <a:gd name="connsiteX5" fmla="*/ 9113465 w 9859964"/>
              <a:gd name="connsiteY5" fmla="*/ 6710967 h 6858000"/>
              <a:gd name="connsiteX6" fmla="*/ 9038159 w 9859964"/>
              <a:gd name="connsiteY6" fmla="*/ 6858000 h 6858000"/>
              <a:gd name="connsiteX7" fmla="*/ 0 w 9859964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9859964" h="6858000">
                <a:moveTo>
                  <a:pt x="0" y="0"/>
                </a:moveTo>
                <a:lnTo>
                  <a:pt x="9038161" y="0"/>
                </a:lnTo>
                <a:lnTo>
                  <a:pt x="9113467" y="147034"/>
                </a:lnTo>
                <a:cubicBezTo>
                  <a:pt x="9591868" y="1139878"/>
                  <a:pt x="9859964" y="2253131"/>
                  <a:pt x="9859964" y="3429000"/>
                </a:cubicBezTo>
                <a:lnTo>
                  <a:pt x="9859962" y="3429000"/>
                </a:lnTo>
                <a:cubicBezTo>
                  <a:pt x="9859962" y="4604870"/>
                  <a:pt x="9591866" y="5718122"/>
                  <a:pt x="9113465" y="6710967"/>
                </a:cubicBezTo>
                <a:lnTo>
                  <a:pt x="9038159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" name="Dynamic legal" descr="{&quot;templafy&quot;:{&quot;id&quot;:&quot;e6ca7570-9a9e-4d15-9763-62067a25b2cd&quot;}}">
            <a:extLst>
              <a:ext uri="{FF2B5EF4-FFF2-40B4-BE49-F238E27FC236}">
                <a16:creationId xmlns:a16="http://schemas.microsoft.com/office/drawing/2014/main" id="{ED89F7E3-360D-07F0-6F92-3CB71751CED0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4" name="Dynamic Internal use only" descr="{&quot;templafy&quot;:{&quot;id&quot;:&quot;1eea89c1-8725-4bc6-a63b-1c294beeafd5&quot;}}" hidden="1" title="Form.Cigna_Confidentiality.Cigna_groupConfidentiality">
            <a:extLst>
              <a:ext uri="{FF2B5EF4-FFF2-40B4-BE49-F238E27FC236}">
                <a16:creationId xmlns:a16="http://schemas.microsoft.com/office/drawing/2014/main" id="{598847B5-1B88-6082-A548-1F981C348747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9" name="Logo">
            <a:extLst>
              <a:ext uri="{FF2B5EF4-FFF2-40B4-BE49-F238E27FC236}">
                <a16:creationId xmlns:a16="http://schemas.microsoft.com/office/drawing/2014/main" id="{8FBCFAB7-21E0-F77E-07DD-794487CEAE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5887784"/>
            <a:ext cx="1620000" cy="617002"/>
          </a:xfrm>
          <a:prstGeom prst="rect">
            <a:avLst/>
          </a:prstGeom>
        </p:spPr>
      </p:pic>
      <p:sp>
        <p:nvSpPr>
          <p:cNvPr id="3" name="Title 1">
            <a:extLst>
              <a:ext uri="{FF2B5EF4-FFF2-40B4-BE49-F238E27FC236}">
                <a16:creationId xmlns:a16="http://schemas.microsoft.com/office/drawing/2014/main" id="{8E32EB42-1204-89C0-0BD9-58431900B22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359999" y="1429200"/>
            <a:ext cx="4665600" cy="2707200"/>
          </a:xfrm>
          <a:noFill/>
        </p:spPr>
        <p:txBody>
          <a:bodyPr anchor="t" anchorCtr="0"/>
          <a:lstStyle>
            <a:lvl1pPr algn="l">
              <a:lnSpc>
                <a:spcPct val="95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218EFCC-5DF4-2DEC-9CCD-77069227DEA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59998" y="4914000"/>
            <a:ext cx="4665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3483E006-F713-4553-B17D-428BCF0F3F86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4878899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0" userDrawn="1">
          <p15:clr>
            <a:srgbClr val="A4A3A4"/>
          </p15:clr>
        </p15:guide>
        <p15:guide id="2" orient="horz" pos="3095" userDrawn="1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Agend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1" name="Freeform: Shape 20">
            <a:extLst>
              <a:ext uri="{FF2B5EF4-FFF2-40B4-BE49-F238E27FC236}">
                <a16:creationId xmlns:a16="http://schemas.microsoft.com/office/drawing/2014/main" id="{0C1B738F-6655-8BD4-69C7-B310CBCBDE55}"/>
              </a:ext>
            </a:extLst>
          </p:cNvPr>
          <p:cNvSpPr/>
          <p:nvPr userDrawn="1"/>
        </p:nvSpPr>
        <p:spPr>
          <a:xfrm>
            <a:off x="0" y="2"/>
            <a:ext cx="12192000" cy="5924549"/>
          </a:xfrm>
          <a:custGeom>
            <a:avLst/>
            <a:gdLst>
              <a:gd name="connsiteX0" fmla="*/ 0 w 12192000"/>
              <a:gd name="connsiteY0" fmla="*/ 0 h 5924549"/>
              <a:gd name="connsiteX1" fmla="*/ 12192000 w 12192000"/>
              <a:gd name="connsiteY1" fmla="*/ 0 h 5924549"/>
              <a:gd name="connsiteX2" fmla="*/ 12192000 w 12192000"/>
              <a:gd name="connsiteY2" fmla="*/ 3625952 h 5924549"/>
              <a:gd name="connsiteX3" fmla="*/ 12057485 w 12192000"/>
              <a:gd name="connsiteY3" fmla="*/ 3743885 h 5924549"/>
              <a:gd name="connsiteX4" fmla="*/ 6096002 w 12192000"/>
              <a:gd name="connsiteY4" fmla="*/ 5924549 h 5924549"/>
              <a:gd name="connsiteX5" fmla="*/ 134518 w 12192000"/>
              <a:gd name="connsiteY5" fmla="*/ 3743885 h 5924549"/>
              <a:gd name="connsiteX6" fmla="*/ 0 w 12192000"/>
              <a:gd name="connsiteY6" fmla="*/ 3625951 h 59245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2000" h="5924549">
                <a:moveTo>
                  <a:pt x="0" y="0"/>
                </a:moveTo>
                <a:lnTo>
                  <a:pt x="12192000" y="0"/>
                </a:lnTo>
                <a:lnTo>
                  <a:pt x="12192000" y="3625952"/>
                </a:lnTo>
                <a:lnTo>
                  <a:pt x="12057485" y="3743885"/>
                </a:lnTo>
                <a:cubicBezTo>
                  <a:pt x="10448518" y="5104349"/>
                  <a:pt x="8368044" y="5924549"/>
                  <a:pt x="6096002" y="5924549"/>
                </a:cubicBezTo>
                <a:cubicBezTo>
                  <a:pt x="3823961" y="5924549"/>
                  <a:pt x="1743486" y="5104349"/>
                  <a:pt x="134518" y="3743885"/>
                </a:cubicBezTo>
                <a:lnTo>
                  <a:pt x="0" y="3625951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2" name="Dynamic legal" descr="{&quot;templafy&quot;:{&quot;id&quot;:&quot;58c0bbe2-8278-48f3-90b8-cce4a34c64bc&quot;}}">
            <a:extLst>
              <a:ext uri="{FF2B5EF4-FFF2-40B4-BE49-F238E27FC236}">
                <a16:creationId xmlns:a16="http://schemas.microsoft.com/office/drawing/2014/main" id="{E1D71D00-ECE0-1117-615E-7AFAAE8226B8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5" name="Dynamic Internal use only" descr="{&quot;templafy&quot;:{&quot;id&quot;:&quot;45c578b7-7ff4-4b2a-8ea9-0df1bf783580&quot;}}" hidden="1" title="Form.Cigna_Confidentiality.Cigna_groupConfidentiality">
            <a:extLst>
              <a:ext uri="{FF2B5EF4-FFF2-40B4-BE49-F238E27FC236}">
                <a16:creationId xmlns:a16="http://schemas.microsoft.com/office/drawing/2014/main" id="{65C567B4-A077-088E-6272-37BAA474EF5D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22" name="Logo">
            <a:extLst>
              <a:ext uri="{FF2B5EF4-FFF2-40B4-BE49-F238E27FC236}">
                <a16:creationId xmlns:a16="http://schemas.microsoft.com/office/drawing/2014/main" id="{121BF0EC-CA10-9E83-C52F-0E0A7C126F3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6150746"/>
            <a:ext cx="910800" cy="346892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AA9B1855-605E-201E-357F-9A2AEB2047B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360000" y="360000"/>
            <a:ext cx="2595600" cy="53964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Agenda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268800" y="360000"/>
            <a:ext cx="8560800" cy="53964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Click to add agenda poin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EB1E11BB-A9E1-91FE-9011-CA59BEDA47A4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2D68452E-D961-49A8-AB25-8F44DA66E9AD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4F49622-75A8-7E62-35DD-A0B334DFC31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626CCFB-F402-A8B9-F724-E21077D40C0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Agend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 bwMode="white">
          <a:xfrm>
            <a:off x="0" y="0"/>
            <a:ext cx="3589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15" name="Freeform: Shape 14">
            <a:extLst>
              <a:ext uri="{FF2B5EF4-FFF2-40B4-BE49-F238E27FC236}">
                <a16:creationId xmlns:a16="http://schemas.microsoft.com/office/drawing/2014/main" id="{86CA4F22-F77C-1E14-EE8C-646A21592AD5}"/>
              </a:ext>
            </a:extLst>
          </p:cNvPr>
          <p:cNvSpPr/>
          <p:nvPr userDrawn="1"/>
        </p:nvSpPr>
        <p:spPr>
          <a:xfrm>
            <a:off x="0" y="1045"/>
            <a:ext cx="3590497" cy="6856955"/>
          </a:xfrm>
          <a:custGeom>
            <a:avLst/>
            <a:gdLst>
              <a:gd name="connsiteX0" fmla="*/ 68235 w 3590497"/>
              <a:gd name="connsiteY0" fmla="*/ 0 h 6856955"/>
              <a:gd name="connsiteX1" fmla="*/ 3590497 w 3590497"/>
              <a:gd name="connsiteY1" fmla="*/ 3522262 h 6856955"/>
              <a:gd name="connsiteX2" fmla="*/ 1439259 w 3590497"/>
              <a:gd name="connsiteY2" fmla="*/ 6767727 h 6856955"/>
              <a:gd name="connsiteX3" fmla="*/ 1195470 w 3590497"/>
              <a:gd name="connsiteY3" fmla="*/ 6856955 h 6856955"/>
              <a:gd name="connsiteX4" fmla="*/ 0 w 3590497"/>
              <a:gd name="connsiteY4" fmla="*/ 6856955 h 6856955"/>
              <a:gd name="connsiteX5" fmla="*/ 0 w 3590497"/>
              <a:gd name="connsiteY5" fmla="*/ 1726 h 68569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3590497" h="6856955">
                <a:moveTo>
                  <a:pt x="68235" y="0"/>
                </a:moveTo>
                <a:cubicBezTo>
                  <a:pt x="2013527" y="0"/>
                  <a:pt x="3590497" y="1576970"/>
                  <a:pt x="3590497" y="3522262"/>
                </a:cubicBezTo>
                <a:cubicBezTo>
                  <a:pt x="3590497" y="4981231"/>
                  <a:pt x="2703451" y="6233019"/>
                  <a:pt x="1439259" y="6767727"/>
                </a:cubicBezTo>
                <a:lnTo>
                  <a:pt x="1195470" y="6856955"/>
                </a:lnTo>
                <a:lnTo>
                  <a:pt x="0" y="6856955"/>
                </a:lnTo>
                <a:lnTo>
                  <a:pt x="0" y="1726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8" name="Dynamic legal" descr="{&quot;templafy&quot;:{&quot;id&quot;:&quot;d6cdf451-f389-4704-bcc3-c1d2ee6c5aa5&quot;}}">
            <a:extLst>
              <a:ext uri="{FF2B5EF4-FFF2-40B4-BE49-F238E27FC236}">
                <a16:creationId xmlns:a16="http://schemas.microsoft.com/office/drawing/2014/main" id="{917A2961-F013-6711-39AD-8D4A00A91EC6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9" name="Dynamic Internal use only" descr="{&quot;templafy&quot;:{&quot;id&quot;:&quot;02702e6d-abb7-47ac-a488-eecdd3865e18&quot;}}" hidden="1" title="Form.Cigna_Confidentiality.Cigna_groupConfidentiality">
            <a:extLst>
              <a:ext uri="{FF2B5EF4-FFF2-40B4-BE49-F238E27FC236}">
                <a16:creationId xmlns:a16="http://schemas.microsoft.com/office/drawing/2014/main" id="{BEE8B5BA-D558-9E6E-F082-96C7817F789D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22" name="Logo">
            <a:extLst>
              <a:ext uri="{FF2B5EF4-FFF2-40B4-BE49-F238E27FC236}">
                <a16:creationId xmlns:a16="http://schemas.microsoft.com/office/drawing/2014/main" id="{121BF0EC-CA10-9E83-C52F-0E0A7C126F3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6150746"/>
            <a:ext cx="910800" cy="346892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AA9B1855-605E-201E-357F-9A2AEB2047B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3388" y="359999"/>
            <a:ext cx="7588250" cy="1094400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add Agenda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243388" y="1548000"/>
            <a:ext cx="636915" cy="43776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01</a:t>
            </a:r>
            <a:endParaRPr lang="en-US" dirty="0"/>
          </a:p>
          <a:p>
            <a:pPr lvl="1"/>
            <a:r>
              <a:rPr lang="en-US" noProof="0" dirty="0"/>
              <a:t>02</a:t>
            </a:r>
            <a:endParaRPr lang="en-US" dirty="0"/>
          </a:p>
          <a:p>
            <a:pPr lvl="2"/>
            <a:r>
              <a:rPr lang="en-US" noProof="0" dirty="0"/>
              <a:t>03</a:t>
            </a:r>
            <a:endParaRPr lang="en-US" dirty="0"/>
          </a:p>
          <a:p>
            <a:pPr lvl="3"/>
            <a:r>
              <a:rPr lang="en-US" noProof="0" dirty="0"/>
              <a:t>04</a:t>
            </a:r>
            <a:endParaRPr lang="en-US" dirty="0"/>
          </a:p>
          <a:p>
            <a:pPr lvl="4"/>
            <a:r>
              <a:rPr lang="en-US" noProof="0" dirty="0"/>
              <a:t>05</a:t>
            </a:r>
            <a:endParaRPr lang="en-US" dirty="0"/>
          </a:p>
          <a:p>
            <a:pPr lvl="5"/>
            <a:r>
              <a:rPr lang="en-US" noProof="0" dirty="0"/>
              <a:t>06</a:t>
            </a:r>
            <a:endParaRPr lang="en-US" dirty="0"/>
          </a:p>
          <a:p>
            <a:pPr lvl="6"/>
            <a:r>
              <a:rPr lang="en-US" noProof="0" dirty="0"/>
              <a:t>07</a:t>
            </a:r>
            <a:endParaRPr lang="en-US" dirty="0"/>
          </a:p>
          <a:p>
            <a:pPr lvl="7"/>
            <a:r>
              <a:rPr lang="en-US" noProof="0" dirty="0"/>
              <a:t>08</a:t>
            </a:r>
            <a:endParaRPr lang="en-US" dirty="0"/>
          </a:p>
          <a:p>
            <a:pPr lvl="8"/>
            <a:r>
              <a:rPr lang="en-US" noProof="0" dirty="0"/>
              <a:t>09</a:t>
            </a:r>
            <a:endParaRPr lang="en-US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FC0CBB11-55DD-CA45-02AD-3AECEB98CFD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881600" y="1548000"/>
            <a:ext cx="6950038" cy="43776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Click to add agenda poin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A19846E-B0AD-2191-E60A-F470522F1F67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02E2E53B-D9A5-47FC-B8CA-64B4013947FC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016C4F0-9609-B930-84C9-425D862D7F3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8AA674-F1B5-6931-2A30-8295E03EA6F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740999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. Agend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 bwMode="white">
          <a:xfrm>
            <a:off x="0" y="0"/>
            <a:ext cx="3589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15" name="Freeform: Shape 14">
            <a:extLst>
              <a:ext uri="{FF2B5EF4-FFF2-40B4-BE49-F238E27FC236}">
                <a16:creationId xmlns:a16="http://schemas.microsoft.com/office/drawing/2014/main" id="{86CA4F22-F77C-1E14-EE8C-646A21592AD5}"/>
              </a:ext>
            </a:extLst>
          </p:cNvPr>
          <p:cNvSpPr/>
          <p:nvPr userDrawn="1"/>
        </p:nvSpPr>
        <p:spPr>
          <a:xfrm>
            <a:off x="0" y="1045"/>
            <a:ext cx="3590497" cy="6856955"/>
          </a:xfrm>
          <a:custGeom>
            <a:avLst/>
            <a:gdLst>
              <a:gd name="connsiteX0" fmla="*/ 68235 w 3590497"/>
              <a:gd name="connsiteY0" fmla="*/ 0 h 6856955"/>
              <a:gd name="connsiteX1" fmla="*/ 3590497 w 3590497"/>
              <a:gd name="connsiteY1" fmla="*/ 3522262 h 6856955"/>
              <a:gd name="connsiteX2" fmla="*/ 1439259 w 3590497"/>
              <a:gd name="connsiteY2" fmla="*/ 6767727 h 6856955"/>
              <a:gd name="connsiteX3" fmla="*/ 1195470 w 3590497"/>
              <a:gd name="connsiteY3" fmla="*/ 6856955 h 6856955"/>
              <a:gd name="connsiteX4" fmla="*/ 0 w 3590497"/>
              <a:gd name="connsiteY4" fmla="*/ 6856955 h 6856955"/>
              <a:gd name="connsiteX5" fmla="*/ 0 w 3590497"/>
              <a:gd name="connsiteY5" fmla="*/ 1726 h 68569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3590497" h="6856955">
                <a:moveTo>
                  <a:pt x="68235" y="0"/>
                </a:moveTo>
                <a:cubicBezTo>
                  <a:pt x="2013527" y="0"/>
                  <a:pt x="3590497" y="1576970"/>
                  <a:pt x="3590497" y="3522262"/>
                </a:cubicBezTo>
                <a:cubicBezTo>
                  <a:pt x="3590497" y="4981231"/>
                  <a:pt x="2703451" y="6233019"/>
                  <a:pt x="1439259" y="6767727"/>
                </a:cubicBezTo>
                <a:lnTo>
                  <a:pt x="1195470" y="6856955"/>
                </a:lnTo>
                <a:lnTo>
                  <a:pt x="0" y="6856955"/>
                </a:lnTo>
                <a:lnTo>
                  <a:pt x="0" y="1726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8" name="Dynamic legal" descr="{&quot;templafy&quot;:{&quot;id&quot;:&quot;7851d2c4-232d-4839-b601-aeb837f1afcd&quot;}}">
            <a:extLst>
              <a:ext uri="{FF2B5EF4-FFF2-40B4-BE49-F238E27FC236}">
                <a16:creationId xmlns:a16="http://schemas.microsoft.com/office/drawing/2014/main" id="{556A09C4-FAE8-1C2E-EC83-3D81BC5E2584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9" name="Dynamic Internal use only" descr="{&quot;templafy&quot;:{&quot;id&quot;:&quot;65c348fe-a2c2-4a4c-9ab4-ff8bb781e791&quot;}}" hidden="1" title="Form.Cigna_Confidentiality.Cigna_groupConfidentiality">
            <a:extLst>
              <a:ext uri="{FF2B5EF4-FFF2-40B4-BE49-F238E27FC236}">
                <a16:creationId xmlns:a16="http://schemas.microsoft.com/office/drawing/2014/main" id="{D755D9B8-97DF-AC9B-96D3-2BFA7550D0D6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22" name="Logo">
            <a:extLst>
              <a:ext uri="{FF2B5EF4-FFF2-40B4-BE49-F238E27FC236}">
                <a16:creationId xmlns:a16="http://schemas.microsoft.com/office/drawing/2014/main" id="{121BF0EC-CA10-9E83-C52F-0E0A7C126F3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6150746"/>
            <a:ext cx="910800" cy="346892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AA9B1855-605E-201E-357F-9A2AEB2047B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3388" y="359999"/>
            <a:ext cx="7588250" cy="1094400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add Agenda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243388" y="1548000"/>
            <a:ext cx="636915" cy="43776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accent3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01</a:t>
            </a:r>
            <a:endParaRPr lang="en-US" dirty="0"/>
          </a:p>
          <a:p>
            <a:pPr lvl="1"/>
            <a:r>
              <a:rPr lang="en-US" noProof="0" dirty="0"/>
              <a:t>02</a:t>
            </a:r>
            <a:endParaRPr lang="en-US" dirty="0"/>
          </a:p>
          <a:p>
            <a:pPr lvl="2"/>
            <a:r>
              <a:rPr lang="en-US" noProof="0" dirty="0"/>
              <a:t>03</a:t>
            </a:r>
            <a:endParaRPr lang="en-US" dirty="0"/>
          </a:p>
          <a:p>
            <a:pPr lvl="3"/>
            <a:r>
              <a:rPr lang="en-US" noProof="0" dirty="0"/>
              <a:t>04</a:t>
            </a:r>
            <a:endParaRPr lang="en-US" dirty="0"/>
          </a:p>
          <a:p>
            <a:pPr lvl="4"/>
            <a:r>
              <a:rPr lang="en-US" noProof="0" dirty="0"/>
              <a:t>05</a:t>
            </a:r>
            <a:endParaRPr lang="en-US" dirty="0"/>
          </a:p>
          <a:p>
            <a:pPr lvl="5"/>
            <a:r>
              <a:rPr lang="en-US" noProof="0" dirty="0"/>
              <a:t>06</a:t>
            </a:r>
            <a:endParaRPr lang="en-US" dirty="0"/>
          </a:p>
          <a:p>
            <a:pPr lvl="6"/>
            <a:r>
              <a:rPr lang="en-US" noProof="0" dirty="0"/>
              <a:t>07</a:t>
            </a:r>
            <a:endParaRPr lang="en-US" dirty="0"/>
          </a:p>
          <a:p>
            <a:pPr lvl="7"/>
            <a:r>
              <a:rPr lang="en-US" noProof="0" dirty="0"/>
              <a:t>08</a:t>
            </a:r>
            <a:endParaRPr lang="en-US" dirty="0"/>
          </a:p>
          <a:p>
            <a:pPr lvl="8"/>
            <a:r>
              <a:rPr lang="en-US" noProof="0" dirty="0"/>
              <a:t>09</a:t>
            </a:r>
            <a:endParaRPr lang="en-US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FC0CBB11-55DD-CA45-02AD-3AECEB98CFD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881600" y="1548000"/>
            <a:ext cx="6950038" cy="43776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2000" b="0">
                <a:solidFill>
                  <a:schemeClr val="tx2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Click to add agenda poin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A19846E-B0AD-2191-E60A-F470522F1F67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/>
          <a:p>
            <a:pPr algn="r"/>
            <a:fld id="{67887428-CA11-475E-934F-006C27D65BCA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016C4F0-9609-B930-84C9-425D862D7F3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8AA674-F1B5-6931-2A30-8295E03EA6F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90897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Break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0999738C-5791-DC3A-AB3C-FEE95BDA7889}"/>
              </a:ext>
            </a:extLst>
          </p:cNvPr>
          <p:cNvSpPr/>
          <p:nvPr userDrawn="1"/>
        </p:nvSpPr>
        <p:spPr>
          <a:xfrm>
            <a:off x="1" y="1"/>
            <a:ext cx="9859965" cy="6857999"/>
          </a:xfrm>
          <a:custGeom>
            <a:avLst/>
            <a:gdLst>
              <a:gd name="connsiteX0" fmla="*/ 0 w 9859965"/>
              <a:gd name="connsiteY0" fmla="*/ 0 h 6857999"/>
              <a:gd name="connsiteX1" fmla="*/ 9038162 w 9859965"/>
              <a:gd name="connsiteY1" fmla="*/ 0 h 6857999"/>
              <a:gd name="connsiteX2" fmla="*/ 9113468 w 9859965"/>
              <a:gd name="connsiteY2" fmla="*/ 147034 h 6857999"/>
              <a:gd name="connsiteX3" fmla="*/ 9859965 w 9859965"/>
              <a:gd name="connsiteY3" fmla="*/ 3429000 h 6857999"/>
              <a:gd name="connsiteX4" fmla="*/ 9859963 w 9859965"/>
              <a:gd name="connsiteY4" fmla="*/ 3429000 h 6857999"/>
              <a:gd name="connsiteX5" fmla="*/ 9113466 w 9859965"/>
              <a:gd name="connsiteY5" fmla="*/ 6710967 h 6857999"/>
              <a:gd name="connsiteX6" fmla="*/ 9038160 w 9859965"/>
              <a:gd name="connsiteY6" fmla="*/ 6857999 h 6857999"/>
              <a:gd name="connsiteX7" fmla="*/ 0 w 9859965"/>
              <a:gd name="connsiteY7" fmla="*/ 685799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9859965" h="6857999">
                <a:moveTo>
                  <a:pt x="0" y="0"/>
                </a:moveTo>
                <a:lnTo>
                  <a:pt x="9038162" y="0"/>
                </a:lnTo>
                <a:lnTo>
                  <a:pt x="9113468" y="147034"/>
                </a:lnTo>
                <a:cubicBezTo>
                  <a:pt x="9591869" y="1139878"/>
                  <a:pt x="9859965" y="2253130"/>
                  <a:pt x="9859965" y="3429000"/>
                </a:cubicBezTo>
                <a:lnTo>
                  <a:pt x="9859963" y="3429000"/>
                </a:lnTo>
                <a:cubicBezTo>
                  <a:pt x="9859963" y="4604870"/>
                  <a:pt x="9591867" y="5718123"/>
                  <a:pt x="9113466" y="6710967"/>
                </a:cubicBezTo>
                <a:lnTo>
                  <a:pt x="9038160" y="6857999"/>
                </a:lnTo>
                <a:lnTo>
                  <a:pt x="0" y="6857999"/>
                </a:lnTo>
                <a:close/>
              </a:path>
            </a:pathLst>
          </a:cu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US" sz="2000" noProof="0" dirty="0" err="1"/>
          </a:p>
        </p:txBody>
      </p:sp>
      <p:sp>
        <p:nvSpPr>
          <p:cNvPr id="3" name="Dynamic legal" descr="{&quot;templafy&quot;:{&quot;id&quot;:&quot;fa5e1ee1-ca85-4783-a10c-8d82e67e55f0&quot;}}">
            <a:extLst>
              <a:ext uri="{FF2B5EF4-FFF2-40B4-BE49-F238E27FC236}">
                <a16:creationId xmlns:a16="http://schemas.microsoft.com/office/drawing/2014/main" id="{CF1B6DEA-5F46-9086-F2F7-1F03F2B5F33E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4" name="Dynamic Internal use only" descr="{&quot;templafy&quot;:{&quot;id&quot;:&quot;9942b09e-77f0-46ce-85e6-f42fab8c6902&quot;}}" hidden="1" title="Form.Cigna_Confidentiality.Cigna_groupConfidentiality">
            <a:extLst>
              <a:ext uri="{FF2B5EF4-FFF2-40B4-BE49-F238E27FC236}">
                <a16:creationId xmlns:a16="http://schemas.microsoft.com/office/drawing/2014/main" id="{B2050902-4A7B-FFC8-F6A1-4F0BE6B899FB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E786E4C5-B03B-BD1A-26AB-C1BF46C9F1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75" y="6150746"/>
            <a:ext cx="910800" cy="3468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360000"/>
            <a:ext cx="5647100" cy="5580000"/>
          </a:xfrm>
        </p:spPr>
        <p:txBody>
          <a:bodyPr lIns="0" tIns="0" rIns="0" bIns="0" anchor="ctr" anchorCtr="0"/>
          <a:lstStyle>
            <a:lvl1pPr algn="l">
              <a:lnSpc>
                <a:spcPct val="100000"/>
              </a:lnSpc>
              <a:defRPr sz="540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79E6A891-B5C8-4A32-9065-262204A8BB1B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3791827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5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42" Type="http://schemas.openxmlformats.org/officeDocument/2006/relationships/tags" Target="../tags/tag8.xml"/><Relationship Id="rId47" Type="http://schemas.openxmlformats.org/officeDocument/2006/relationships/tags" Target="../tags/tag13.xml"/><Relationship Id="rId50" Type="http://schemas.openxmlformats.org/officeDocument/2006/relationships/tags" Target="../tags/tag16.xml"/><Relationship Id="rId55" Type="http://schemas.openxmlformats.org/officeDocument/2006/relationships/tags" Target="../tags/tag2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3.xml"/><Relationship Id="rId40" Type="http://schemas.openxmlformats.org/officeDocument/2006/relationships/tags" Target="../tags/tag6.xml"/><Relationship Id="rId45" Type="http://schemas.openxmlformats.org/officeDocument/2006/relationships/tags" Target="../tags/tag11.xml"/><Relationship Id="rId53" Type="http://schemas.openxmlformats.org/officeDocument/2006/relationships/tags" Target="../tags/tag19.xml"/><Relationship Id="rId58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1.xml"/><Relationship Id="rId43" Type="http://schemas.openxmlformats.org/officeDocument/2006/relationships/tags" Target="../tags/tag9.xml"/><Relationship Id="rId48" Type="http://schemas.openxmlformats.org/officeDocument/2006/relationships/tags" Target="../tags/tag14.xml"/><Relationship Id="rId56" Type="http://schemas.openxmlformats.org/officeDocument/2006/relationships/tags" Target="../tags/tag22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7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4.xml"/><Relationship Id="rId46" Type="http://schemas.openxmlformats.org/officeDocument/2006/relationships/tags" Target="../tags/tag12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7.xml"/><Relationship Id="rId54" Type="http://schemas.openxmlformats.org/officeDocument/2006/relationships/tags" Target="../tags/tag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2.xml"/><Relationship Id="rId49" Type="http://schemas.openxmlformats.org/officeDocument/2006/relationships/tags" Target="../tags/tag15.xml"/><Relationship Id="rId57" Type="http://schemas.openxmlformats.org/officeDocument/2006/relationships/tags" Target="../tags/tag23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10.xml"/><Relationship Id="rId52" Type="http://schemas.openxmlformats.org/officeDocument/2006/relationships/tags" Target="../tags/tag1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3" name="Group guide" hidden="1">
            <a:extLst>
              <a:ext uri="{FF2B5EF4-FFF2-40B4-BE49-F238E27FC236}">
                <a16:creationId xmlns:a16="http://schemas.microsoft.com/office/drawing/2014/main" id="{AF56D866-B789-C130-77E4-8967E377B6C7}"/>
              </a:ext>
            </a:extLst>
          </p:cNvPr>
          <p:cNvGrpSpPr/>
          <p:nvPr userDrawn="1"/>
        </p:nvGrpSpPr>
        <p:grpSpPr>
          <a:xfrm>
            <a:off x="360000" y="359997"/>
            <a:ext cx="11468588" cy="6138003"/>
            <a:chOff x="360000" y="359997"/>
            <a:chExt cx="11468588" cy="6138003"/>
          </a:xfrm>
        </p:grpSpPr>
        <p:sp>
          <p:nvSpPr>
            <p:cNvPr id="6" name="C">
              <a:extLst>
                <a:ext uri="{FF2B5EF4-FFF2-40B4-BE49-F238E27FC236}">
                  <a16:creationId xmlns:a16="http://schemas.microsoft.com/office/drawing/2014/main" id="{1C4B9106-8C42-4FD6-BE41-D1A11D08B0DE}"/>
                </a:ext>
              </a:extLst>
            </p:cNvPr>
            <p:cNvSpPr/>
            <p:nvPr userDrawn="1">
              <p:custDataLst>
                <p:tags r:id="rId35"/>
              </p:custDataLst>
            </p:nvPr>
          </p:nvSpPr>
          <p:spPr>
            <a:xfrm>
              <a:off x="360000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12" name="1-">
              <a:extLst>
                <a:ext uri="{FF2B5EF4-FFF2-40B4-BE49-F238E27FC236}">
                  <a16:creationId xmlns:a16="http://schemas.microsoft.com/office/drawing/2014/main" id="{881042B9-FC01-4F98-ACD8-49BC2F3E922C}"/>
                </a:ext>
              </a:extLst>
            </p:cNvPr>
            <p:cNvSpPr/>
            <p:nvPr userDrawn="1">
              <p:custDataLst>
                <p:tags r:id="rId36"/>
              </p:custDataLst>
            </p:nvPr>
          </p:nvSpPr>
          <p:spPr>
            <a:xfrm>
              <a:off x="1151000" y="360000"/>
              <a:ext cx="180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14" name="C">
              <a:extLst>
                <a:ext uri="{FF2B5EF4-FFF2-40B4-BE49-F238E27FC236}">
                  <a16:creationId xmlns:a16="http://schemas.microsoft.com/office/drawing/2014/main" id="{59C7C277-9424-433C-8660-29713F1B7FB3}"/>
                </a:ext>
              </a:extLst>
            </p:cNvPr>
            <p:cNvSpPr/>
            <p:nvPr userDrawn="1">
              <p:custDataLst>
                <p:tags r:id="rId37"/>
              </p:custDataLst>
            </p:nvPr>
          </p:nvSpPr>
          <p:spPr>
            <a:xfrm>
              <a:off x="1103758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16" name="1">
              <a:extLst>
                <a:ext uri="{FF2B5EF4-FFF2-40B4-BE49-F238E27FC236}">
                  <a16:creationId xmlns:a16="http://schemas.microsoft.com/office/drawing/2014/main" id="{AD6D570A-8EAB-4316-A81F-BA83274CE3DF}"/>
                </a:ext>
              </a:extLst>
            </p:cNvPr>
            <p:cNvSpPr/>
            <p:nvPr userDrawn="1">
              <p:custDataLst>
                <p:tags r:id="rId38"/>
              </p:custDataLst>
            </p:nvPr>
          </p:nvSpPr>
          <p:spPr>
            <a:xfrm>
              <a:off x="2123710" y="359997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18" name="C">
              <a:extLst>
                <a:ext uri="{FF2B5EF4-FFF2-40B4-BE49-F238E27FC236}">
                  <a16:creationId xmlns:a16="http://schemas.microsoft.com/office/drawing/2014/main" id="{AF9B7D13-D0E0-4CE3-8CA5-02630940ED38}"/>
                </a:ext>
              </a:extLst>
            </p:cNvPr>
            <p:cNvSpPr/>
            <p:nvPr userDrawn="1">
              <p:custDataLst>
                <p:tags r:id="rId39"/>
              </p:custDataLst>
            </p:nvPr>
          </p:nvSpPr>
          <p:spPr>
            <a:xfrm>
              <a:off x="10068154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20" name="1">
              <a:extLst>
                <a:ext uri="{FF2B5EF4-FFF2-40B4-BE49-F238E27FC236}">
                  <a16:creationId xmlns:a16="http://schemas.microsoft.com/office/drawing/2014/main" id="{033FDCAC-185D-4077-BE01-7E2E533BA124}"/>
                </a:ext>
              </a:extLst>
            </p:cNvPr>
            <p:cNvSpPr/>
            <p:nvPr userDrawn="1">
              <p:custDataLst>
                <p:tags r:id="rId40"/>
              </p:custDataLst>
            </p:nvPr>
          </p:nvSpPr>
          <p:spPr>
            <a:xfrm>
              <a:off x="3093000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22" name="C">
              <a:extLst>
                <a:ext uri="{FF2B5EF4-FFF2-40B4-BE49-F238E27FC236}">
                  <a16:creationId xmlns:a16="http://schemas.microsoft.com/office/drawing/2014/main" id="{59D95ABC-476B-43DD-B11D-841FD1CCCE12}"/>
                </a:ext>
              </a:extLst>
            </p:cNvPr>
            <p:cNvSpPr/>
            <p:nvPr userDrawn="1">
              <p:custDataLst>
                <p:tags r:id="rId41"/>
              </p:custDataLst>
            </p:nvPr>
          </p:nvSpPr>
          <p:spPr>
            <a:xfrm>
              <a:off x="909820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24" name="1">
              <a:extLst>
                <a:ext uri="{FF2B5EF4-FFF2-40B4-BE49-F238E27FC236}">
                  <a16:creationId xmlns:a16="http://schemas.microsoft.com/office/drawing/2014/main" id="{5786BE75-81AB-4139-B2E5-FC8F4EB28B66}"/>
                </a:ext>
              </a:extLst>
            </p:cNvPr>
            <p:cNvSpPr/>
            <p:nvPr userDrawn="1">
              <p:custDataLst>
                <p:tags r:id="rId42"/>
              </p:custDataLst>
            </p:nvPr>
          </p:nvSpPr>
          <p:spPr>
            <a:xfrm>
              <a:off x="4064045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26" name="C">
              <a:extLst>
                <a:ext uri="{FF2B5EF4-FFF2-40B4-BE49-F238E27FC236}">
                  <a16:creationId xmlns:a16="http://schemas.microsoft.com/office/drawing/2014/main" id="{129A9A3B-B084-4187-8ACA-4F0D6C08FE4E}"/>
                </a:ext>
              </a:extLst>
            </p:cNvPr>
            <p:cNvSpPr/>
            <p:nvPr userDrawn="1">
              <p:custDataLst>
                <p:tags r:id="rId43"/>
              </p:custDataLst>
            </p:nvPr>
          </p:nvSpPr>
          <p:spPr>
            <a:xfrm>
              <a:off x="8128823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28" name="1">
              <a:extLst>
                <a:ext uri="{FF2B5EF4-FFF2-40B4-BE49-F238E27FC236}">
                  <a16:creationId xmlns:a16="http://schemas.microsoft.com/office/drawing/2014/main" id="{DEC24EF5-2922-409A-98A1-4BE1189C8532}"/>
                </a:ext>
              </a:extLst>
            </p:cNvPr>
            <p:cNvSpPr/>
            <p:nvPr userDrawn="1">
              <p:custDataLst>
                <p:tags r:id="rId44"/>
              </p:custDataLst>
            </p:nvPr>
          </p:nvSpPr>
          <p:spPr>
            <a:xfrm>
              <a:off x="5035045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30" name="C">
              <a:extLst>
                <a:ext uri="{FF2B5EF4-FFF2-40B4-BE49-F238E27FC236}">
                  <a16:creationId xmlns:a16="http://schemas.microsoft.com/office/drawing/2014/main" id="{9E90051A-07FE-4055-B29A-3240854D0EDD}"/>
                </a:ext>
              </a:extLst>
            </p:cNvPr>
            <p:cNvSpPr/>
            <p:nvPr userDrawn="1">
              <p:custDataLst>
                <p:tags r:id="rId45"/>
              </p:custDataLst>
            </p:nvPr>
          </p:nvSpPr>
          <p:spPr>
            <a:xfrm>
              <a:off x="7157321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32" name="1">
              <a:extLst>
                <a:ext uri="{FF2B5EF4-FFF2-40B4-BE49-F238E27FC236}">
                  <a16:creationId xmlns:a16="http://schemas.microsoft.com/office/drawing/2014/main" id="{A3700F78-6579-4287-82B2-6DFA45008FBC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6007384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34" name="C">
              <a:extLst>
                <a:ext uri="{FF2B5EF4-FFF2-40B4-BE49-F238E27FC236}">
                  <a16:creationId xmlns:a16="http://schemas.microsoft.com/office/drawing/2014/main" id="{1DA00B94-1AAF-46A9-9411-BB34A0426C6A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618604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36" name="1">
              <a:extLst>
                <a:ext uri="{FF2B5EF4-FFF2-40B4-BE49-F238E27FC236}">
                  <a16:creationId xmlns:a16="http://schemas.microsoft.com/office/drawing/2014/main" id="{ECDF4EC4-C654-4CC0-A697-7C7F76265642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6975706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38" name="C">
              <a:extLst>
                <a:ext uri="{FF2B5EF4-FFF2-40B4-BE49-F238E27FC236}">
                  <a16:creationId xmlns:a16="http://schemas.microsoft.com/office/drawing/2014/main" id="{6A79D1EE-D920-468B-9064-1E73DB948D90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521628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40" name="1">
              <a:extLst>
                <a:ext uri="{FF2B5EF4-FFF2-40B4-BE49-F238E27FC236}">
                  <a16:creationId xmlns:a16="http://schemas.microsoft.com/office/drawing/2014/main" id="{B375DE0F-1FC3-4AAD-B356-C9A3A482C506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7948823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42" name="C">
              <a:extLst>
                <a:ext uri="{FF2B5EF4-FFF2-40B4-BE49-F238E27FC236}">
                  <a16:creationId xmlns:a16="http://schemas.microsoft.com/office/drawing/2014/main" id="{82A4A22E-F58E-400A-BF42-0B345083C2DA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424426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44" name="1">
              <a:extLst>
                <a:ext uri="{FF2B5EF4-FFF2-40B4-BE49-F238E27FC236}">
                  <a16:creationId xmlns:a16="http://schemas.microsoft.com/office/drawing/2014/main" id="{18F2331C-BB65-4FCB-BB33-C3286B6868D4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8918208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46" name="C">
              <a:extLst>
                <a:ext uri="{FF2B5EF4-FFF2-40B4-BE49-F238E27FC236}">
                  <a16:creationId xmlns:a16="http://schemas.microsoft.com/office/drawing/2014/main" id="{0B31BD39-E957-4B61-99A5-4BA424B9346E}"/>
                </a:ext>
              </a:extLst>
            </p:cNvPr>
            <p:cNvSpPr/>
            <p:nvPr userDrawn="1">
              <p:custDataLst>
                <p:tags r:id="rId53"/>
              </p:custDataLst>
            </p:nvPr>
          </p:nvSpPr>
          <p:spPr>
            <a:xfrm>
              <a:off x="3273411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48" name="1">
              <a:extLst>
                <a:ext uri="{FF2B5EF4-FFF2-40B4-BE49-F238E27FC236}">
                  <a16:creationId xmlns:a16="http://schemas.microsoft.com/office/drawing/2014/main" id="{51C7EEDE-B06B-4A00-9549-E9285576C892}"/>
                </a:ext>
              </a:extLst>
            </p:cNvPr>
            <p:cNvSpPr/>
            <p:nvPr userDrawn="1">
              <p:custDataLst>
                <p:tags r:id="rId54"/>
              </p:custDataLst>
            </p:nvPr>
          </p:nvSpPr>
          <p:spPr>
            <a:xfrm>
              <a:off x="10859298" y="359998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50" name="C">
              <a:extLst>
                <a:ext uri="{FF2B5EF4-FFF2-40B4-BE49-F238E27FC236}">
                  <a16:creationId xmlns:a16="http://schemas.microsoft.com/office/drawing/2014/main" id="{346FE888-2B04-40EA-9D03-3CBF808A53C4}"/>
                </a:ext>
              </a:extLst>
            </p:cNvPr>
            <p:cNvSpPr/>
            <p:nvPr userDrawn="1">
              <p:custDataLst>
                <p:tags r:id="rId55"/>
              </p:custDataLst>
            </p:nvPr>
          </p:nvSpPr>
          <p:spPr>
            <a:xfrm>
              <a:off x="230197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52" name="1">
              <a:extLst>
                <a:ext uri="{FF2B5EF4-FFF2-40B4-BE49-F238E27FC236}">
                  <a16:creationId xmlns:a16="http://schemas.microsoft.com/office/drawing/2014/main" id="{8ED580F1-63D4-4934-8F07-895D75D68EFC}"/>
                </a:ext>
              </a:extLst>
            </p:cNvPr>
            <p:cNvSpPr/>
            <p:nvPr userDrawn="1">
              <p:custDataLst>
                <p:tags r:id="rId56"/>
              </p:custDataLst>
            </p:nvPr>
          </p:nvSpPr>
          <p:spPr>
            <a:xfrm>
              <a:off x="9889710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  <p:sp>
          <p:nvSpPr>
            <p:cNvPr id="54" name="C">
              <a:extLst>
                <a:ext uri="{FF2B5EF4-FFF2-40B4-BE49-F238E27FC236}">
                  <a16:creationId xmlns:a16="http://schemas.microsoft.com/office/drawing/2014/main" id="{64E6E6C5-4F17-4E72-A63A-4DC01755A9FF}"/>
                </a:ext>
              </a:extLst>
            </p:cNvPr>
            <p:cNvSpPr/>
            <p:nvPr userDrawn="1">
              <p:custDataLst>
                <p:tags r:id="rId57"/>
              </p:custDataLst>
            </p:nvPr>
          </p:nvSpPr>
          <p:spPr>
            <a:xfrm>
              <a:off x="1331000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500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dirty="0"/>
            </a:p>
          </p:txBody>
        </p:sp>
      </p:grpSp>
      <p:sp>
        <p:nvSpPr>
          <p:cNvPr id="5" name="Dynamic legal" descr="{&quot;templafy&quot;:{&quot;id&quot;:&quot;aef5d2eb-827d-4973-99a3-79eb2f23d9ce&quot;}}">
            <a:extLst>
              <a:ext uri="{FF2B5EF4-FFF2-40B4-BE49-F238E27FC236}">
                <a16:creationId xmlns:a16="http://schemas.microsoft.com/office/drawing/2014/main" id="{93D782BA-0534-7A1E-0507-BAB9B7E7C34F}"/>
              </a:ext>
            </a:extLst>
          </p:cNvPr>
          <p:cNvSpPr txBox="1"/>
          <p:nvPr userDrawn="1"/>
        </p:nvSpPr>
        <p:spPr>
          <a:xfrm>
            <a:off x="0" y="6678000"/>
            <a:ext cx="12193588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The Cigna Group. Do not duplicate or distribute. Use and distribution limited solely to authorized personnel. © 2023 The Cigna Group</a:t>
            </a:r>
          </a:p>
        </p:txBody>
      </p:sp>
      <p:sp>
        <p:nvSpPr>
          <p:cNvPr id="2" name="Dynamic Internal use only" descr="{&quot;templafy&quot;:{&quot;id&quot;:&quot;c69e3d3d-2b7f-4309-bb08-343434cb4d52&quot;}}" hidden="1" title="Form.Cigna_Confidentiality.Cigna_groupConfidentiality">
            <a:extLst>
              <a:ext uri="{FF2B5EF4-FFF2-40B4-BE49-F238E27FC236}">
                <a16:creationId xmlns:a16="http://schemas.microsoft.com/office/drawing/2014/main" id="{B45141B5-E9EC-4B8C-2296-C44A60448285}"/>
              </a:ext>
            </a:extLst>
          </p:cNvPr>
          <p:cNvSpPr/>
          <p:nvPr userDrawn="1"/>
        </p:nvSpPr>
        <p:spPr>
          <a:xfrm>
            <a:off x="10859153" y="6678000"/>
            <a:ext cx="97325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100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5" name="Logo">
            <a:extLst>
              <a:ext uri="{FF2B5EF4-FFF2-40B4-BE49-F238E27FC236}">
                <a16:creationId xmlns:a16="http://schemas.microsoft.com/office/drawing/2014/main" id="{6D84D65A-09B0-E86C-A9C7-85A161713406}"/>
              </a:ext>
            </a:extLst>
          </p:cNvPr>
          <p:cNvPicPr>
            <a:picLocks noChangeAspect="1"/>
          </p:cNvPicPr>
          <p:nvPr userDrawn="1"/>
        </p:nvPicPr>
        <p:blipFill>
          <a:blip r:embed="rId58"/>
          <a:stretch>
            <a:fillRect/>
          </a:stretch>
        </p:blipFill>
        <p:spPr>
          <a:xfrm>
            <a:off x="360000" y="6150442"/>
            <a:ext cx="911038" cy="347195"/>
          </a:xfrm>
          <a:prstGeom prst="rect">
            <a:avLst/>
          </a:prstGeom>
        </p:spPr>
      </p:pic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60000" y="1548000"/>
            <a:ext cx="11472411" cy="437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  <a:endParaRPr lang="en-US" dirty="0"/>
          </a:p>
          <a:p>
            <a:pPr lvl="1"/>
            <a:r>
              <a:rPr lang="en-US" noProof="0" dirty="0"/>
              <a:t>Level 2</a:t>
            </a:r>
            <a:endParaRPr lang="en-US" dirty="0"/>
          </a:p>
          <a:p>
            <a:pPr lvl="2"/>
            <a:r>
              <a:rPr lang="en-US" noProof="0" dirty="0"/>
              <a:t>Level 3</a:t>
            </a:r>
            <a:endParaRPr lang="en-US" dirty="0"/>
          </a:p>
          <a:p>
            <a:pPr lvl="3"/>
            <a:r>
              <a:rPr lang="en-US" noProof="0" dirty="0"/>
              <a:t>Level 4, Header</a:t>
            </a:r>
            <a:endParaRPr lang="en-US" dirty="0"/>
          </a:p>
          <a:p>
            <a:pPr lvl="4"/>
            <a:r>
              <a:rPr lang="en-US" noProof="0" dirty="0"/>
              <a:t>Level 5, Body</a:t>
            </a:r>
            <a:endParaRPr lang="en-US" dirty="0"/>
          </a:p>
          <a:p>
            <a:pPr lvl="5"/>
            <a:r>
              <a:rPr lang="en-US" noProof="0" dirty="0"/>
              <a:t>Level 6</a:t>
            </a:r>
            <a:endParaRPr lang="en-US" dirty="0"/>
          </a:p>
          <a:p>
            <a:pPr lvl="6"/>
            <a:r>
              <a:rPr lang="en-US" noProof="0" dirty="0"/>
              <a:t>Level 7, Small Header</a:t>
            </a:r>
            <a:endParaRPr lang="en-US" dirty="0"/>
          </a:p>
          <a:p>
            <a:pPr lvl="7"/>
            <a:r>
              <a:rPr lang="en-US" noProof="0" dirty="0"/>
              <a:t>Level 8, Small Body</a:t>
            </a:r>
            <a:endParaRPr lang="en-US" dirty="0"/>
          </a:p>
          <a:p>
            <a:pPr lvl="8"/>
            <a:r>
              <a:rPr lang="en-US" noProof="0" dirty="0"/>
              <a:t>Level 9, Infographic</a:t>
            </a:r>
            <a:endParaRPr lang="en-US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360000"/>
            <a:ext cx="11473200" cy="11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title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73199" y="6318000"/>
            <a:ext cx="359212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1" name="Footer Placeholder 40">
            <a:extLst>
              <a:ext uri="{FF2B5EF4-FFF2-40B4-BE49-F238E27FC236}">
                <a16:creationId xmlns:a16="http://schemas.microsoft.com/office/drawing/2014/main" id="{D26C0B3A-4C90-B9B9-20DB-869AD857A6E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41200" y="6318000"/>
            <a:ext cx="3343898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C6D25D-9B8A-9BB9-5CD3-01FA4173BA8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888538" y="6318000"/>
            <a:ext cx="1584662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D59182A7-52C8-4F5C-83C2-1A6D32F2CA0C}" type="datetime4">
              <a:rPr lang="en-GB" smtClean="0"/>
              <a:pPr/>
              <a:t>28 March 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94" r:id="rId2"/>
    <p:sldLayoutId id="2147483820" r:id="rId3"/>
    <p:sldLayoutId id="2147483821" r:id="rId4"/>
    <p:sldLayoutId id="2147483824" r:id="rId5"/>
    <p:sldLayoutId id="2147483737" r:id="rId6"/>
    <p:sldLayoutId id="2147483796" r:id="rId7"/>
    <p:sldLayoutId id="2147483797" r:id="rId8"/>
    <p:sldLayoutId id="2147483799" r:id="rId9"/>
    <p:sldLayoutId id="2147483800" r:id="rId10"/>
    <p:sldLayoutId id="2147483802" r:id="rId11"/>
    <p:sldLayoutId id="2147483803" r:id="rId12"/>
    <p:sldLayoutId id="2147483804" r:id="rId13"/>
    <p:sldLayoutId id="2147483805" r:id="rId14"/>
    <p:sldLayoutId id="2147483806" r:id="rId15"/>
    <p:sldLayoutId id="2147483818" r:id="rId16"/>
    <p:sldLayoutId id="2147483807" r:id="rId17"/>
    <p:sldLayoutId id="2147483819" r:id="rId18"/>
    <p:sldLayoutId id="2147483808" r:id="rId19"/>
    <p:sldLayoutId id="2147483822" r:id="rId20"/>
    <p:sldLayoutId id="2147483823" r:id="rId21"/>
    <p:sldLayoutId id="2147483809" r:id="rId22"/>
    <p:sldLayoutId id="2147483810" r:id="rId23"/>
    <p:sldLayoutId id="2147483811" r:id="rId24"/>
    <p:sldLayoutId id="2147483777" r:id="rId25"/>
    <p:sldLayoutId id="2147483814" r:id="rId26"/>
    <p:sldLayoutId id="2147483815" r:id="rId27"/>
    <p:sldLayoutId id="2147483816" r:id="rId28"/>
    <p:sldLayoutId id="2147483817" r:id="rId29"/>
    <p:sldLayoutId id="2147483812" r:id="rId30"/>
    <p:sldLayoutId id="2147483813" r:id="rId31"/>
    <p:sldLayoutId id="2147483784" r:id="rId32"/>
    <p:sldLayoutId id="2147483751" r:id="rId33"/>
  </p:sldLayoutIdLst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320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Verdana" panose="020B0604030504040204" pitchFamily="34" charset="0"/>
        <a:buChar char="•"/>
        <a:defRPr sz="1600" kern="1200">
          <a:solidFill>
            <a:schemeClr val="tx2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SzPct val="80000"/>
        <a:buFont typeface="Verdana" panose="020B0604030504040204" pitchFamily="34" charset="0"/>
        <a:buChar char="&gt;"/>
        <a:defRPr sz="1600" kern="1200">
          <a:solidFill>
            <a:schemeClr val="tx2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SzPct val="80000"/>
        <a:buFont typeface="Verdana" panose="020B0604030504040204" pitchFamily="34" charset="0"/>
        <a:buChar char="-"/>
        <a:defRPr sz="1600" kern="1200">
          <a:solidFill>
            <a:schemeClr val="tx2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1200"/>
        </a:spcAft>
        <a:buFont typeface="Verdana" panose="020B0604030504040204" pitchFamily="34" charset="0"/>
        <a:buChar char="​"/>
        <a:defRPr sz="1600" b="1" kern="1200">
          <a:solidFill>
            <a:schemeClr val="tx2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1200"/>
        </a:spcAft>
        <a:buFont typeface="Verdana" panose="020B0604030504040204" pitchFamily="34" charset="0"/>
        <a:buChar char="​"/>
        <a:tabLst/>
        <a:defRPr sz="1600" kern="1200">
          <a:solidFill>
            <a:schemeClr val="tx2"/>
          </a:solidFill>
          <a:latin typeface="+mn-lt"/>
          <a:ea typeface="+mn-ea"/>
          <a:cs typeface="+mn-cs"/>
        </a:defRPr>
      </a:lvl5pPr>
      <a:lvl6pPr marL="90000" indent="-9000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Verdana" panose="020B0604030504040204" pitchFamily="34" charset="0"/>
        <a:buChar char="​"/>
        <a:defRPr sz="1000" b="1" kern="1200" baseline="0">
          <a:solidFill>
            <a:schemeClr val="tx2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25000"/>
        </a:lnSpc>
        <a:spcBef>
          <a:spcPts val="0"/>
        </a:spcBef>
        <a:spcAft>
          <a:spcPts val="600"/>
        </a:spcAft>
        <a:buFont typeface="Verdana" panose="020B0604030504040204" pitchFamily="34" charset="0"/>
        <a:buChar char="​"/>
        <a:defRPr sz="1000" kern="1200">
          <a:solidFill>
            <a:schemeClr val="tx2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1200"/>
        </a:spcBef>
        <a:spcAft>
          <a:spcPts val="0"/>
        </a:spcAft>
        <a:buFont typeface="Verdana" panose="020B0604030504040204" pitchFamily="34" charset="0"/>
        <a:buChar char="​"/>
        <a:defRPr sz="4400" b="1" kern="1200" spc="-150" baseline="0">
          <a:solidFill>
            <a:schemeClr val="tx2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 userDrawn="1">
          <p15:clr>
            <a:srgbClr val="A4A3A4"/>
          </p15:clr>
        </p15:guide>
        <p15:guide id="2" pos="725" userDrawn="1">
          <p15:clr>
            <a:srgbClr val="A4A3A4"/>
          </p15:clr>
        </p15:guide>
        <p15:guide id="3" orient="horz" pos="226" userDrawn="1">
          <p15:clr>
            <a:srgbClr val="A4A3A4"/>
          </p15:clr>
        </p15:guide>
        <p15:guide id="4" orient="horz" pos="4093" userDrawn="1">
          <p15:clr>
            <a:srgbClr val="A4A3A4"/>
          </p15:clr>
        </p15:guide>
        <p15:guide id="6" pos="4394" userDrawn="1">
          <p15:clr>
            <a:srgbClr val="A4A3A4"/>
          </p15:clr>
        </p15:guide>
        <p15:guide id="7" pos="838" userDrawn="1">
          <p15:clr>
            <a:srgbClr val="A4A3A4"/>
          </p15:clr>
        </p15:guide>
        <p15:guide id="9" pos="2673" userDrawn="1">
          <p15:clr>
            <a:srgbClr val="A4A3A4"/>
          </p15:clr>
        </p15:guide>
        <p15:guide id="10" pos="3171" userDrawn="1">
          <p15:clr>
            <a:srgbClr val="A4A3A4"/>
          </p15:clr>
        </p15:guide>
        <p15:guide id="11" pos="6229" userDrawn="1">
          <p15:clr>
            <a:srgbClr val="A4A3A4"/>
          </p15:clr>
        </p15:guide>
        <p15:guide id="13" pos="6840" userDrawn="1">
          <p15:clr>
            <a:srgbClr val="A4A3A4"/>
          </p15:clr>
        </p15:guide>
        <p15:guide id="16" pos="5120" userDrawn="1">
          <p15:clr>
            <a:srgbClr val="A4A3A4"/>
          </p15:clr>
        </p15:guide>
        <p15:guide id="17" pos="3285" userDrawn="1">
          <p15:clr>
            <a:srgbClr val="A4A3A4"/>
          </p15:clr>
        </p15:guide>
        <p15:guide id="18" pos="3784" userDrawn="1">
          <p15:clr>
            <a:srgbClr val="A4A3A4"/>
          </p15:clr>
        </p15:guide>
        <p15:guide id="20" pos="1948" userDrawn="1">
          <p15:clr>
            <a:srgbClr val="A4A3A4"/>
          </p15:clr>
        </p15:guide>
        <p15:guide id="21" pos="6952" userDrawn="1">
          <p15:clr>
            <a:srgbClr val="A4A3A4"/>
          </p15:clr>
        </p15:guide>
        <p15:guide id="23" pos="2061" userDrawn="1">
          <p15:clr>
            <a:srgbClr val="A4A3A4"/>
          </p15:clr>
        </p15:guide>
        <p15:guide id="24" pos="2560" userDrawn="1">
          <p15:clr>
            <a:srgbClr val="A4A3A4"/>
          </p15:clr>
        </p15:guide>
        <p15:guide id="26" pos="6342" userDrawn="1">
          <p15:clr>
            <a:srgbClr val="A4A3A4"/>
          </p15:clr>
        </p15:guide>
        <p15:guide id="28" pos="5006" userDrawn="1">
          <p15:clr>
            <a:srgbClr val="A4A3A4"/>
          </p15:clr>
        </p15:guide>
        <p15:guide id="29" pos="4507" userDrawn="1">
          <p15:clr>
            <a:srgbClr val="A4A3A4"/>
          </p15:clr>
        </p15:guide>
        <p15:guide id="30" pos="3897" userDrawn="1">
          <p15:clr>
            <a:srgbClr val="A4A3A4"/>
          </p15:clr>
        </p15:guide>
        <p15:guide id="31" pos="5731" userDrawn="1">
          <p15:clr>
            <a:srgbClr val="A4A3A4"/>
          </p15:clr>
        </p15:guide>
        <p15:guide id="32" pos="5617" userDrawn="1">
          <p15:clr>
            <a:srgbClr val="A4A3A4"/>
          </p15:clr>
        </p15:guide>
        <p15:guide id="33" pos="1337" userDrawn="1">
          <p15:clr>
            <a:srgbClr val="A4A3A4"/>
          </p15:clr>
        </p15:guide>
        <p15:guide id="34" pos="1451" userDrawn="1">
          <p15:clr>
            <a:srgbClr val="A4A3A4"/>
          </p15:clr>
        </p15:guide>
        <p15:guide id="35" pos="7453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5.xml"/><Relationship Id="rId5" Type="http://schemas.openxmlformats.org/officeDocument/2006/relationships/image" Target="../media/image30.png"/><Relationship Id="rId4" Type="http://schemas.openxmlformats.org/officeDocument/2006/relationships/image" Target="../media/image29.pn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worldpopulationreview.com/states" TargetMode="External"/><Relationship Id="rId2" Type="http://schemas.openxmlformats.org/officeDocument/2006/relationships/hyperlink" Target="https://www.icip.iastate.edu/tables/population/urban-pct-states" TargetMode="External"/><Relationship Id="rId1" Type="http://schemas.openxmlformats.org/officeDocument/2006/relationships/slideLayout" Target="../slideLayouts/slideLayout15.xml"/><Relationship Id="rId6" Type="http://schemas.openxmlformats.org/officeDocument/2006/relationships/hyperlink" Target="https://aafa.org/wp-content/uploads/2023/03/aafa-2023-allergy-capitals-report.pdf" TargetMode="External"/><Relationship Id="rId5" Type="http://schemas.openxmlformats.org/officeDocument/2006/relationships/hyperlink" Target="https://datacommons.org/)" TargetMode="External"/><Relationship Id="rId4" Type="http://schemas.openxmlformats.org/officeDocument/2006/relationships/hyperlink" Target="https://datacommons.org/place/country/USA?category=Demographics" TargetMode="Externa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slideLayout" Target="../slideLayouts/slideLayout18.xml"/><Relationship Id="rId7" Type="http://schemas.openxmlformats.org/officeDocument/2006/relationships/image" Target="../media/image18.jp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17.jpg"/><Relationship Id="rId5" Type="http://schemas.openxmlformats.org/officeDocument/2006/relationships/image" Target="../media/image16.jfif"/><Relationship Id="rId4" Type="http://schemas.openxmlformats.org/officeDocument/2006/relationships/notesSlide" Target="../notesSlides/notesSlide2.xml"/><Relationship Id="rId9" Type="http://schemas.openxmlformats.org/officeDocument/2006/relationships/image" Target="../media/image20.jp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5.xml"/><Relationship Id="rId4" Type="http://schemas.openxmlformats.org/officeDocument/2006/relationships/image" Target="../media/image21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5.xml"/><Relationship Id="rId4" Type="http://schemas.openxmlformats.org/officeDocument/2006/relationships/image" Target="../media/image24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15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jpg"/><Relationship Id="rId1" Type="http://schemas.openxmlformats.org/officeDocument/2006/relationships/slideLayout" Target="../slideLayouts/slideLayout1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15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AF00DF8-070C-4828-8287-CC7946E2791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>
                <a:ea typeface="Verdana"/>
              </a:rPr>
              <a:t>Code-A-Thon </a:t>
            </a:r>
            <a:br>
              <a:rPr lang="en-US" dirty="0">
                <a:ea typeface="Verdana"/>
              </a:rPr>
            </a:br>
            <a:r>
              <a:rPr lang="en-US" dirty="0">
                <a:ea typeface="Verdana"/>
              </a:rPr>
              <a:t>2024</a:t>
            </a:r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59281D18-4132-38FE-BC21-EF1BEBB10F0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Team 24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6BB68C9-EC09-449D-A3B8-F5A1F9E0FB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817FBF0-B3E0-4795-85DB-22FE87B3DC96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E9C29EF7-F3C4-E865-7D95-11C50A984C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71AF167-8D6F-448B-8102-6675C945C9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568936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075306-B70F-281F-05A4-1646A37A33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ea typeface="Verdana"/>
              </a:rPr>
              <a:t>Tech Stack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2635DE6-00DA-BC50-97D9-F15640CC3BEF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179705" indent="-179705"/>
            <a:endParaRPr lang="en-US" dirty="0">
              <a:ea typeface="Verdana"/>
            </a:endParaRPr>
          </a:p>
          <a:p>
            <a:pPr marL="179705" indent="-179705"/>
            <a:endParaRPr lang="en-US" dirty="0">
              <a:ea typeface="Verdana"/>
            </a:endParaRPr>
          </a:p>
          <a:p>
            <a:pPr marL="179705" indent="-179705"/>
            <a:endParaRPr lang="en-US" dirty="0">
              <a:ea typeface="Verdana"/>
            </a:endParaRPr>
          </a:p>
          <a:p>
            <a:pPr marL="0" indent="0">
              <a:buNone/>
            </a:pPr>
            <a:r>
              <a:rPr lang="en-US" dirty="0">
                <a:ea typeface="Verdana"/>
              </a:rPr>
              <a:t> 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74DF7C3-0A79-9655-0656-9E7A90D2A8D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17A418F-3054-1015-B217-0D5FC7C50FB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910A67A-DED8-3063-AD65-9A964E47656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0341888-32BF-5CE5-BF44-1649F95BF65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1400" y="1174177"/>
            <a:ext cx="2115400" cy="211540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3AD44C92-48DD-8D76-8F91-D5757B06370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588389" y="1548000"/>
            <a:ext cx="1485900" cy="135890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85305C6D-D48C-D34E-85EB-BEEDC7CC7BB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73600" y="1516250"/>
            <a:ext cx="1422400" cy="1422400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01018234-097D-BCD4-6154-999388B133E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695311" y="1557525"/>
            <a:ext cx="1473200" cy="1371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5097348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2B63BE-D29E-19E4-0F73-B70E6CD8F6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ea typeface="Verdana"/>
              </a:rPr>
              <a:t>Demo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82E20C3-8E62-C89E-9B09-8E63D3B49211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4D198C1-CFC9-7B42-52FE-B762ACD0FA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5A020B0-18D1-FEFF-BE19-FB99A0FA7EE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1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4F1B90F-F6E2-E424-B814-3BF608E80A5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4369458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913302-411E-E4E3-5778-219CB81C11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ea typeface="Verdana"/>
              </a:rPr>
              <a:t>Q&amp;A?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89934F7-FEC7-97CC-4BF0-EF896C8D598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BE874D3-D64C-AABF-728B-084CF1CAE71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CA91D16-EC9F-8FFE-0420-EDB9CB5473A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2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6A12E82-E361-5E79-F1F7-F57678F1FB0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482314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8A1E1BC-0907-DF91-801E-5BE06F1ADD4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C2E03A-50B1-5B69-FDF0-06C54F75834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360000"/>
            <a:ext cx="11473200" cy="911451"/>
          </a:xfrm>
        </p:spPr>
        <p:txBody>
          <a:bodyPr/>
          <a:lstStyle/>
          <a:p>
            <a:r>
              <a:rPr lang="en-US" dirty="0">
                <a:ea typeface="Verdana"/>
              </a:rPr>
              <a:t>References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2E6805F-7C2A-6764-4CBE-252FB09B295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6CB246C-43EE-A030-A74C-CF4238BCFA9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3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5EDC171-C4DA-B977-DA6F-03132FC7FE0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67824F31-CF94-8723-947B-D69B69E5A96A}"/>
              </a:ext>
            </a:extLst>
          </p:cNvPr>
          <p:cNvGraphicFramePr>
            <a:graphicFrameLocks noGrp="1"/>
          </p:cNvGraphicFramePr>
          <p:nvPr/>
        </p:nvGraphicFramePr>
        <p:xfrm>
          <a:off x="426721" y="1332411"/>
          <a:ext cx="8393067" cy="1341948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8393067">
                  <a:extLst>
                    <a:ext uri="{9D8B030D-6E8A-4147-A177-3AD203B41FA5}">
                      <a16:colId xmlns:a16="http://schemas.microsoft.com/office/drawing/2014/main" val="450013967"/>
                    </a:ext>
                  </a:extLst>
                </a:gridCol>
              </a:tblGrid>
              <a:tr h="298008"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sng" strike="noStrike" dirty="0">
                          <a:effectLst/>
                          <a:hlinkClick r:id="rId2"/>
                        </a:rPr>
                        <a:t>Urban Percentage of the Population for States, Historical | Iowa Community Indicators Program (iastate.edu)</a:t>
                      </a:r>
                      <a:endParaRPr lang="en-US" sz="1100" b="0" i="0" u="sng" strike="noStrike" dirty="0">
                        <a:solidFill>
                          <a:srgbClr val="0563C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 anchor="b"/>
                </a:tc>
                <a:extLst>
                  <a:ext uri="{0D108BD9-81ED-4DB2-BD59-A6C34878D82A}">
                    <a16:rowId xmlns:a16="http://schemas.microsoft.com/office/drawing/2014/main" val="4139734328"/>
                  </a:ext>
                </a:extLst>
              </a:tr>
              <a:tr h="102967">
                <a:tc>
                  <a:txBody>
                    <a:bodyPr/>
                    <a:lstStyle/>
                    <a:p>
                      <a:pPr algn="l" fontAlgn="b"/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 anchor="b"/>
                </a:tc>
                <a:extLst>
                  <a:ext uri="{0D108BD9-81ED-4DB2-BD59-A6C34878D82A}">
                    <a16:rowId xmlns:a16="http://schemas.microsoft.com/office/drawing/2014/main" val="1091861611"/>
                  </a:ext>
                </a:extLst>
              </a:tr>
              <a:tr h="102967"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sng" strike="noStrike">
                          <a:effectLst/>
                          <a:hlinkClick r:id="rId3"/>
                        </a:rPr>
                        <a:t>US States - Ranked by Population 2024 (worldpopulationreview.com)</a:t>
                      </a:r>
                      <a:endParaRPr lang="en-US" sz="1100" b="0" i="0" u="sng" strike="noStrike">
                        <a:solidFill>
                          <a:srgbClr val="0563C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 anchor="b"/>
                </a:tc>
                <a:extLst>
                  <a:ext uri="{0D108BD9-81ED-4DB2-BD59-A6C34878D82A}">
                    <a16:rowId xmlns:a16="http://schemas.microsoft.com/office/drawing/2014/main" val="4026039031"/>
                  </a:ext>
                </a:extLst>
              </a:tr>
              <a:tr h="102967">
                <a:tc>
                  <a:txBody>
                    <a:bodyPr/>
                    <a:lstStyle/>
                    <a:p>
                      <a:pPr algn="l" fontAlgn="b"/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 anchor="b"/>
                </a:tc>
                <a:extLst>
                  <a:ext uri="{0D108BD9-81ED-4DB2-BD59-A6C34878D82A}">
                    <a16:rowId xmlns:a16="http://schemas.microsoft.com/office/drawing/2014/main" val="263748114"/>
                  </a:ext>
                </a:extLst>
              </a:tr>
              <a:tr h="102967"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sng" strike="noStrike">
                          <a:effectLst/>
                          <a:hlinkClick r:id="rId4"/>
                        </a:rPr>
                        <a:t>United States of America - Demographics - Place Explorer - Data Commons</a:t>
                      </a:r>
                      <a:endParaRPr lang="en-US" sz="1100" b="0" i="0" u="sng" strike="noStrike">
                        <a:solidFill>
                          <a:srgbClr val="0563C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 anchor="b"/>
                </a:tc>
                <a:extLst>
                  <a:ext uri="{0D108BD9-81ED-4DB2-BD59-A6C34878D82A}">
                    <a16:rowId xmlns:a16="http://schemas.microsoft.com/office/drawing/2014/main" val="3300797122"/>
                  </a:ext>
                </a:extLst>
              </a:tr>
              <a:tr h="102967"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sng" strike="noStrike" dirty="0">
                          <a:effectLst/>
                          <a:hlinkClick r:id="rId5"/>
                        </a:rPr>
                        <a:t>(https://datacommons.org/)</a:t>
                      </a:r>
                      <a:endParaRPr lang="en-US" sz="1100" b="0" i="0" u="sng" strike="noStrike" dirty="0">
                        <a:solidFill>
                          <a:srgbClr val="0563C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 anchor="b"/>
                </a:tc>
                <a:extLst>
                  <a:ext uri="{0D108BD9-81ED-4DB2-BD59-A6C34878D82A}">
                    <a16:rowId xmlns:a16="http://schemas.microsoft.com/office/drawing/2014/main" val="2158018030"/>
                  </a:ext>
                </a:extLst>
              </a:tr>
              <a:tr h="102967"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dirty="0">
                          <a:hlinkClick r:id="rId6"/>
                        </a:rPr>
                        <a:t>AAFA 2023 Allergy Capitals Report March 2023</a:t>
                      </a:r>
                      <a:endParaRPr lang="en-US" sz="1100" b="0" i="0" u="sng" strike="noStrike" dirty="0">
                        <a:solidFill>
                          <a:srgbClr val="0563C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 anchor="b"/>
                </a:tc>
                <a:extLst>
                  <a:ext uri="{0D108BD9-81ED-4DB2-BD59-A6C34878D82A}">
                    <a16:rowId xmlns:a16="http://schemas.microsoft.com/office/drawing/2014/main" val="425272567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97996993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5886857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9BEFCB-6480-A293-7851-CDFAFF2B3D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360000"/>
            <a:ext cx="11473200" cy="1188000"/>
          </a:xfrm>
        </p:spPr>
        <p:txBody>
          <a:bodyPr anchor="t">
            <a:normAutofit/>
          </a:bodyPr>
          <a:lstStyle/>
          <a:p>
            <a:r>
              <a:rPr lang="en-US" dirty="0"/>
              <a:t>Intro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35793767-E6DE-ECFE-62AE-1776D916315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59998" y="856800"/>
            <a:ext cx="11458800" cy="320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3575A6-25AF-8E50-26F2-5729BA4E5B80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59999" y="1548000"/>
            <a:ext cx="11280065" cy="4453200"/>
          </a:xfrm>
        </p:spPr>
        <p:txBody>
          <a:bodyPr vert="horz" lIns="0" tIns="0" rIns="0" bIns="0" rtlCol="0">
            <a:normAutofit/>
          </a:bodyPr>
          <a:lstStyle/>
          <a:p>
            <a:pPr marL="179705" indent="-179705"/>
            <a:r>
              <a:rPr lang="en-US" sz="1800" dirty="0"/>
              <a:t>A terrific team with diverse backgrounds across SE, UI/UX, Analytics, Tech Support</a:t>
            </a:r>
          </a:p>
          <a:p>
            <a:pPr marL="179705" indent="-179705"/>
            <a:endParaRPr lang="en-US" dirty="0"/>
          </a:p>
          <a:p>
            <a:pPr marL="179705" indent="-179705"/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179705" indent="-179705"/>
            <a:endParaRPr lang="en-US" dirty="0"/>
          </a:p>
          <a:p>
            <a:pPr marL="179705" indent="-179705"/>
            <a:endParaRPr lang="en-US" dirty="0"/>
          </a:p>
          <a:p>
            <a:pPr marL="179705" indent="-179705"/>
            <a:endParaRPr lang="en-US" dirty="0"/>
          </a:p>
          <a:p>
            <a:pPr marL="179705" indent="-179705"/>
            <a:endParaRPr lang="en-US" dirty="0"/>
          </a:p>
          <a:p>
            <a:pPr marL="179705" indent="-179705"/>
            <a:r>
              <a:rPr lang="en-US" sz="1800" dirty="0"/>
              <a:t>Prompt 1: Optimizing the anticipation of customer orders coming into pharmacies across the country</a:t>
            </a:r>
          </a:p>
        </p:txBody>
      </p:sp>
      <p:pic>
        <p:nvPicPr>
          <p:cNvPr id="9" name="Picture 8" descr="A person sitting at a table&#10;&#10;Description automatically generated">
            <a:extLst>
              <a:ext uri="{FF2B5EF4-FFF2-40B4-BE49-F238E27FC236}">
                <a16:creationId xmlns:a16="http://schemas.microsoft.com/office/drawing/2014/main" id="{72EA84A0-95F4-F264-5ADF-059F46E622EC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2498"/>
          <a:stretch/>
        </p:blipFill>
        <p:spPr>
          <a:xfrm>
            <a:off x="551936" y="2245918"/>
            <a:ext cx="1946339" cy="1508443"/>
          </a:xfrm>
          <a:prstGeom prst="rect">
            <a:avLst/>
          </a:prstGeom>
          <a:noFill/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CB1A026-6207-C8F5-1889-90061C31370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887592" y="6318000"/>
            <a:ext cx="1585607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2BF8996-4D73-4105-A88A-0B6FB5F04B4A}" type="datetime4">
              <a:rPr lang="en-US" smtClean="0"/>
              <a:pPr>
                <a:spcAft>
                  <a:spcPts val="600"/>
                </a:spcAft>
              </a:pPr>
              <a:t>March 28, 2024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3D3BFC-BA05-167A-EB83-B52317A1B11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473199" y="6318000"/>
            <a:ext cx="359212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US" smtClean="0"/>
              <a:pPr>
                <a:spcAft>
                  <a:spcPts val="600"/>
                </a:spcAft>
              </a:pPr>
              <a:t>2</a:t>
            </a:fld>
            <a:endParaRPr lang="en-US"/>
          </a:p>
        </p:txBody>
      </p:sp>
      <p:sp>
        <p:nvSpPr>
          <p:cNvPr id="16" name="Footer Placeholder 7">
            <a:extLst>
              <a:ext uri="{FF2B5EF4-FFF2-40B4-BE49-F238E27FC236}">
                <a16:creationId xmlns:a16="http://schemas.microsoft.com/office/drawing/2014/main" id="{26CF0B48-388C-2497-C76D-B5A72FB66E9E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6541200" y="6318000"/>
            <a:ext cx="3343898" cy="180000"/>
          </a:xfrm>
        </p:spPr>
        <p:txBody>
          <a:bodyPr/>
          <a:lstStyle/>
          <a:p>
            <a:endParaRPr lang="en-US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2FE3711A-742A-2E2F-909D-1FA802F03A66}"/>
              </a:ext>
            </a:extLst>
          </p:cNvPr>
          <p:cNvSpPr/>
          <p:nvPr/>
        </p:nvSpPr>
        <p:spPr>
          <a:xfrm>
            <a:off x="914400" y="2112579"/>
            <a:ext cx="2806262" cy="219666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1600" noProof="0" dirty="0" err="1"/>
          </a:p>
        </p:txBody>
      </p:sp>
      <p:pic>
        <p:nvPicPr>
          <p:cNvPr id="12" name="Picture 11" descr="A person in a suit&#10;&#10;Description automatically generated">
            <a:extLst>
              <a:ext uri="{FF2B5EF4-FFF2-40B4-BE49-F238E27FC236}">
                <a16:creationId xmlns:a16="http://schemas.microsoft.com/office/drawing/2014/main" id="{89E3EE18-A14B-F29A-9F15-7BB4F3B9083C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36624" y="2245917"/>
            <a:ext cx="1206754" cy="1508443"/>
          </a:xfrm>
          <a:prstGeom prst="rect">
            <a:avLst/>
          </a:prstGeom>
        </p:spPr>
      </p:pic>
      <p:pic>
        <p:nvPicPr>
          <p:cNvPr id="15" name="Picture 14" descr="A person sitting in front of a window&#10;&#10;Description automatically generated">
            <a:extLst>
              <a:ext uri="{FF2B5EF4-FFF2-40B4-BE49-F238E27FC236}">
                <a16:creationId xmlns:a16="http://schemas.microsoft.com/office/drawing/2014/main" id="{998B4F35-D1C4-642F-6457-31DB938F658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81727" y="2245916"/>
            <a:ext cx="1508443" cy="1508443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D17C8120-BA95-8AF4-CB8F-A2D7EA964DB7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64835" y="2231281"/>
            <a:ext cx="1752063" cy="1508443"/>
          </a:xfrm>
          <a:prstGeom prst="rect">
            <a:avLst/>
          </a:prstGeom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F365713E-E8F3-996D-684A-0F13F7146801}"/>
              </a:ext>
            </a:extLst>
          </p:cNvPr>
          <p:cNvSpPr txBox="1"/>
          <p:nvPr/>
        </p:nvSpPr>
        <p:spPr>
          <a:xfrm>
            <a:off x="1163018" y="3818979"/>
            <a:ext cx="72417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tx2"/>
                </a:solidFill>
              </a:rPr>
              <a:t>Vardan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E449691-9BBB-C264-326F-C2D7D69DEE35}"/>
              </a:ext>
            </a:extLst>
          </p:cNvPr>
          <p:cNvSpPr txBox="1"/>
          <p:nvPr/>
        </p:nvSpPr>
        <p:spPr>
          <a:xfrm>
            <a:off x="3288196" y="3839012"/>
            <a:ext cx="68108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tx2"/>
                </a:solidFill>
              </a:rPr>
              <a:t>Robert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6330AF62-54DF-C31D-15D6-2EFEDB1F993C}"/>
              </a:ext>
            </a:extLst>
          </p:cNvPr>
          <p:cNvSpPr txBox="1"/>
          <p:nvPr/>
        </p:nvSpPr>
        <p:spPr>
          <a:xfrm>
            <a:off x="5202812" y="3839011"/>
            <a:ext cx="67165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tx2"/>
                </a:solidFill>
              </a:rPr>
              <a:t>Ashish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649FD9EA-CC4C-2E19-07E3-6B2888BB8455}"/>
              </a:ext>
            </a:extLst>
          </p:cNvPr>
          <p:cNvSpPr txBox="1"/>
          <p:nvPr/>
        </p:nvSpPr>
        <p:spPr>
          <a:xfrm>
            <a:off x="7252361" y="3815712"/>
            <a:ext cx="42800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tx2"/>
                </a:solidFill>
              </a:rPr>
              <a:t>Fina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0C2519FA-2142-7D38-B4CC-F3D0AC69035E}"/>
              </a:ext>
            </a:extLst>
          </p:cNvPr>
          <p:cNvSpPr txBox="1"/>
          <p:nvPr/>
        </p:nvSpPr>
        <p:spPr>
          <a:xfrm>
            <a:off x="9388205" y="3810303"/>
            <a:ext cx="70532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tx2"/>
                </a:solidFill>
              </a:rPr>
              <a:t>Dmitry</a:t>
            </a:r>
          </a:p>
        </p:txBody>
      </p:sp>
      <p:pic>
        <p:nvPicPr>
          <p:cNvPr id="27" name="Picture 26" descr="A person with red hair smiling&#10;&#10;Description automatically generated">
            <a:extLst>
              <a:ext uri="{FF2B5EF4-FFF2-40B4-BE49-F238E27FC236}">
                <a16:creationId xmlns:a16="http://schemas.microsoft.com/office/drawing/2014/main" id="{C3F5AB79-2752-C375-D239-112A0016372B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flipH="1">
            <a:off x="6823281" y="2231282"/>
            <a:ext cx="1508443" cy="150844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944916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uiExpand="1" build="p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14479A-D96F-73A4-EC0F-163EE9123E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ea typeface="Verdana"/>
              </a:rPr>
              <a:t>Business Use Case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606E5CE-6D65-0D99-67F8-F6315CB29D5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7B84D26-B9FE-36F9-8037-8BD40D4D623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A505879-2B2F-C05D-5B75-3D6EF84741A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1ADB470-8583-077A-0873-B03C813ADEF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10773" y="1110848"/>
            <a:ext cx="2318152" cy="23181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697747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14479A-D96F-73A4-EC0F-163EE9123E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ea typeface="Verdana"/>
              </a:rPr>
              <a:t>Business Use Case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606E5CE-6D65-0D99-67F8-F6315CB29D5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7B84D26-B9FE-36F9-8037-8BD40D4D623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A505879-2B2F-C05D-5B75-3D6EF84741A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0602ACB-4CEB-582F-6ECB-80D84939CA1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61044" y="1264350"/>
            <a:ext cx="2563954" cy="216465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91ADB470-8583-077A-0873-B03C813ADEF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10773" y="1110848"/>
            <a:ext cx="2318152" cy="23181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0332293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14479A-D96F-73A4-EC0F-163EE9123E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ea typeface="Verdana"/>
              </a:rPr>
              <a:t>Business Use Case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606E5CE-6D65-0D99-67F8-F6315CB29D5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7B84D26-B9FE-36F9-8037-8BD40D4D623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A505879-2B2F-C05D-5B75-3D6EF84741A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13" name="Picture 12" descr="A screenshot of a computer&#10;&#10;Description automatically generated">
            <a:extLst>
              <a:ext uri="{FF2B5EF4-FFF2-40B4-BE49-F238E27FC236}">
                <a16:creationId xmlns:a16="http://schemas.microsoft.com/office/drawing/2014/main" id="{C2D68D4E-0F6F-6B99-6847-E3DF2D182ED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3676" y="1310307"/>
            <a:ext cx="5280025" cy="2792136"/>
          </a:xfrm>
          <a:prstGeom prst="rect">
            <a:avLst/>
          </a:prstGeom>
        </p:spPr>
      </p:pic>
      <p:pic>
        <p:nvPicPr>
          <p:cNvPr id="11" name="Picture 10" descr="A map with a number of circles&#10;&#10;Description automatically generated">
            <a:extLst>
              <a:ext uri="{FF2B5EF4-FFF2-40B4-BE49-F238E27FC236}">
                <a16:creationId xmlns:a16="http://schemas.microsoft.com/office/drawing/2014/main" id="{60D4905A-60F9-9578-0798-1A16C78F920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64733" y="2972398"/>
            <a:ext cx="6741872" cy="27921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754302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14479A-D96F-73A4-EC0F-163EE9123E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ea typeface="Verdana"/>
              </a:rPr>
              <a:t>Business Use Case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606E5CE-6D65-0D99-67F8-F6315CB29D5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7B84D26-B9FE-36F9-8037-8BD40D4D623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A505879-2B2F-C05D-5B75-3D6EF84741A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15" name="Picture 14" descr="A map with a rainbow circle&#10;&#10;Description automatically generated">
            <a:extLst>
              <a:ext uri="{FF2B5EF4-FFF2-40B4-BE49-F238E27FC236}">
                <a16:creationId xmlns:a16="http://schemas.microsoft.com/office/drawing/2014/main" id="{F302184A-2BE7-718C-FF7B-80AB359FB76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55407" y="1348867"/>
            <a:ext cx="10397398" cy="41602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424410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92619F-70DF-A990-3531-77D3E6F0133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ea typeface="Verdana"/>
              </a:rPr>
              <a:t>Solution</a:t>
            </a:r>
            <a:endParaRPr lang="en-US" dirty="0"/>
          </a:p>
        </p:txBody>
      </p:sp>
      <p:graphicFrame>
        <p:nvGraphicFramePr>
          <p:cNvPr id="7" name="Content Placeholder 6">
            <a:extLst>
              <a:ext uri="{FF2B5EF4-FFF2-40B4-BE49-F238E27FC236}">
                <a16:creationId xmlns:a16="http://schemas.microsoft.com/office/drawing/2014/main" id="{68382868-09CD-1BCE-9DAA-83982EA98FAF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2708431636"/>
              </p:ext>
            </p:extLst>
          </p:nvPr>
        </p:nvGraphicFramePr>
        <p:xfrm>
          <a:off x="360363" y="1547813"/>
          <a:ext cx="11472862" cy="437832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819DCD4-DC98-D328-718A-52A3330FE62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47FBFD2-E068-54BA-6A47-8945DFEB23D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7134399-C550-92A2-8A80-57E38283B2F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1855772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093084-5375-12C2-DB57-4FBBC373589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rchitecture</a:t>
            </a:r>
          </a:p>
        </p:txBody>
      </p:sp>
      <p:pic>
        <p:nvPicPr>
          <p:cNvPr id="8" name="Content Placeholder 7" descr="A diagram of a flowchart&#10;&#10;Description automatically generated">
            <a:extLst>
              <a:ext uri="{FF2B5EF4-FFF2-40B4-BE49-F238E27FC236}">
                <a16:creationId xmlns:a16="http://schemas.microsoft.com/office/drawing/2014/main" id="{334C2476-C611-6D2C-2AA5-F88C37DE7347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9891" y="954000"/>
            <a:ext cx="10288833" cy="5144417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10DFDDA-AA01-841C-5361-CCA581B81EA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5592ACC-4FBF-1FA9-779E-EF09C096265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445BB08-3536-8937-68F8-35E036BCEBA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70459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92619F-70DF-A990-3531-77D3E6F013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360000"/>
            <a:ext cx="11473200" cy="911451"/>
          </a:xfrm>
        </p:spPr>
        <p:txBody>
          <a:bodyPr/>
          <a:lstStyle/>
          <a:p>
            <a:r>
              <a:rPr lang="en-US" dirty="0">
                <a:ea typeface="Verdana"/>
              </a:rPr>
              <a:t>Prediction Model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819DCD4-DC98-D328-718A-52A3330FE62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r"/>
            <a:fld id="{07B3CB3D-2BD8-4574-96EA-66A0A99A6287}" type="datetime4">
              <a:rPr lang="en-US" smtClean="0"/>
              <a:t>March 28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47FBFD2-E068-54BA-6A47-8945DFEB23D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7134399-C550-92A2-8A80-57E38283B2F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  <p:graphicFrame>
        <p:nvGraphicFramePr>
          <p:cNvPr id="14" name="Diagram 13">
            <a:extLst>
              <a:ext uri="{FF2B5EF4-FFF2-40B4-BE49-F238E27FC236}">
                <a16:creationId xmlns:a16="http://schemas.microsoft.com/office/drawing/2014/main" id="{220CC6B5-B157-8096-14B1-CEE981659C32}"/>
              </a:ext>
            </a:extLst>
          </p:cNvPr>
          <p:cNvGraphicFramePr/>
          <p:nvPr/>
        </p:nvGraphicFramePr>
        <p:xfrm>
          <a:off x="844731" y="1090472"/>
          <a:ext cx="10502537" cy="3335383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17" name="Rectangle 16">
            <a:extLst>
              <a:ext uri="{FF2B5EF4-FFF2-40B4-BE49-F238E27FC236}">
                <a16:creationId xmlns:a16="http://schemas.microsoft.com/office/drawing/2014/main" id="{05BAEFA0-F2B9-071F-031E-73751FEF24A1}"/>
              </a:ext>
            </a:extLst>
          </p:cNvPr>
          <p:cNvSpPr/>
          <p:nvPr/>
        </p:nvSpPr>
        <p:spPr>
          <a:xfrm>
            <a:off x="7583794" y="4525936"/>
            <a:ext cx="4324135" cy="1095692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t"/>
          <a:lstStyle/>
          <a:p>
            <a:r>
              <a:rPr lang="en-US" sz="1100" noProof="0" dirty="0"/>
              <a:t>Regression Statistic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noProof="0" dirty="0"/>
              <a:t>Significance level 90% (alpha = 0.1)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dirty="0"/>
              <a:t>Adjusted R square 0.4586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noProof="0" dirty="0"/>
              <a:t>Significance F 0.009295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8FC33FDC-3DAA-B6EF-0715-1D616C8995A6}"/>
              </a:ext>
            </a:extLst>
          </p:cNvPr>
          <p:cNvSpPr/>
          <p:nvPr/>
        </p:nvSpPr>
        <p:spPr>
          <a:xfrm>
            <a:off x="3933932" y="4525139"/>
            <a:ext cx="3628960" cy="1792861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t"/>
          <a:lstStyle/>
          <a:p>
            <a:r>
              <a:rPr lang="en-US" sz="1100" dirty="0"/>
              <a:t>Factors included for the linear regression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/>
              <a:t>Age, Race, </a:t>
            </a:r>
            <a:r>
              <a:rPr lang="en-US" sz="1100" dirty="0"/>
              <a:t>Gender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dirty="0"/>
              <a:t>Urban/rural population ratio (Most intuitive)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sz="1100" dirty="0"/>
          </a:p>
          <a:p>
            <a:r>
              <a:rPr lang="en-US" sz="1100" dirty="0"/>
              <a:t>Multiplication</a:t>
            </a:r>
            <a:r>
              <a:rPr lang="en-US" sz="1100" noProof="0" dirty="0"/>
              <a:t> factor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dirty="0"/>
              <a:t>% of population in a State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noProof="0" dirty="0"/>
              <a:t>% of express script market share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dirty="0"/>
              <a:t>% of population with Asthma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dirty="0"/>
              <a:t>Average allergy score for the state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noProof="0" dirty="0"/>
              <a:t>Social Media feed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sz="1100" dirty="0"/>
          </a:p>
          <a:p>
            <a:endParaRPr lang="en-US" sz="1100" dirty="0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097E562-6E02-31E2-898A-3AC2A1F76ACC}"/>
              </a:ext>
            </a:extLst>
          </p:cNvPr>
          <p:cNvSpPr/>
          <p:nvPr/>
        </p:nvSpPr>
        <p:spPr>
          <a:xfrm>
            <a:off x="187480" y="4508828"/>
            <a:ext cx="3628960" cy="1095692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t"/>
          <a:lstStyle/>
          <a:p>
            <a:r>
              <a:rPr lang="en-US" sz="1100" noProof="0" dirty="0"/>
              <a:t>Assumptions</a:t>
            </a:r>
            <a:endParaRPr lang="en-US" sz="1100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dirty="0"/>
              <a:t>Focus is on allergy medicines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dirty="0"/>
              <a:t>Asthma allergy and Montelukast demand is considered for developing the model.</a:t>
            </a:r>
          </a:p>
        </p:txBody>
      </p:sp>
    </p:spTree>
    <p:extLst>
      <p:ext uri="{BB962C8B-B14F-4D97-AF65-F5344CB8AC3E}">
        <p14:creationId xmlns:p14="http://schemas.microsoft.com/office/powerpoint/2010/main" val="315749398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Cigna Group">
  <a:themeElements>
    <a:clrScheme name="Cigna Group 2023">
      <a:dk1>
        <a:srgbClr val="000000"/>
      </a:dk1>
      <a:lt1>
        <a:srgbClr val="FFFFFF"/>
      </a:lt1>
      <a:dk2>
        <a:srgbClr val="110081"/>
      </a:dk2>
      <a:lt2>
        <a:srgbClr val="FFFFFF"/>
      </a:lt2>
      <a:accent1>
        <a:srgbClr val="110081"/>
      </a:accent1>
      <a:accent2>
        <a:srgbClr val="3EFFC0"/>
      </a:accent2>
      <a:accent3>
        <a:srgbClr val="0033FF"/>
      </a:accent3>
      <a:accent4>
        <a:srgbClr val="03CC54"/>
      </a:accent4>
      <a:accent5>
        <a:srgbClr val="F4F4F4"/>
      </a:accent5>
      <a:accent6>
        <a:srgbClr val="C0C0C0"/>
      </a:accent6>
      <a:hlink>
        <a:srgbClr val="004295"/>
      </a:hlink>
      <a:folHlink>
        <a:srgbClr val="009B7C"/>
      </a:folHlink>
    </a:clrScheme>
    <a:fontScheme name="Cigna Group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Navy">
      <a:srgbClr val="110081"/>
    </a:custClr>
    <a:custClr name="Hypermint">
      <a:srgbClr val="3EFFC0"/>
    </a:custClr>
    <a:custClr name="Action Blue">
      <a:srgbClr val="0033FF"/>
    </a:custClr>
    <a:custClr name="Leaf Green">
      <a:srgbClr val="03CC54"/>
    </a:custClr>
    <a:custClr name="Cool Gray">
      <a:srgbClr val="F4F4F4"/>
    </a:custClr>
    <a:custClr name="Dark Gray">
      <a:srgbClr val="C0C0C0"/>
    </a:custClr>
  </a:custClrLst>
  <a:extLst>
    <a:ext uri="{05A4C25C-085E-4340-85A3-A5531E510DB2}">
      <thm15:themeFamily xmlns:thm15="http://schemas.microsoft.com/office/thememl/2012/main" name="Evernorth.potx" id="{CF99AB89-BA1D-443F-B964-59F6B3F98DD3}" vid="{9B147206-36C6-4C9B-A1BE-3863A2B43C27}"/>
    </a:ext>
  </a:extLst>
</a:theme>
</file>

<file path=ppt/theme/theme2.xml><?xml version="1.0" encoding="utf-8"?>
<a:theme xmlns:a="http://schemas.openxmlformats.org/drawingml/2006/main" name="Office-tema">
  <a:themeElements>
    <a:clrScheme name="Cigna Group 2023">
      <a:dk1>
        <a:srgbClr val="000000"/>
      </a:dk1>
      <a:lt1>
        <a:srgbClr val="FFFFFF"/>
      </a:lt1>
      <a:dk2>
        <a:srgbClr val="110081"/>
      </a:dk2>
      <a:lt2>
        <a:srgbClr val="FFFFFF"/>
      </a:lt2>
      <a:accent1>
        <a:srgbClr val="110081"/>
      </a:accent1>
      <a:accent2>
        <a:srgbClr val="3EFFC0"/>
      </a:accent2>
      <a:accent3>
        <a:srgbClr val="0033FF"/>
      </a:accent3>
      <a:accent4>
        <a:srgbClr val="03CC54"/>
      </a:accent4>
      <a:accent5>
        <a:srgbClr val="F4F4F4"/>
      </a:accent5>
      <a:accent6>
        <a:srgbClr val="C0C0C0"/>
      </a:accent6>
      <a:hlink>
        <a:srgbClr val="004295"/>
      </a:hlink>
      <a:folHlink>
        <a:srgbClr val="009B7C"/>
      </a:folHlink>
    </a:clrScheme>
    <a:fontScheme name="CPH Group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Navy">
      <a:srgbClr val="110081"/>
    </a:custClr>
    <a:custClr name="Hypermint">
      <a:srgbClr val="3EFFC0"/>
    </a:custClr>
    <a:custClr name="Action Blue">
      <a:srgbClr val="0033FF"/>
    </a:custClr>
    <a:custClr name="Leaf Green">
      <a:srgbClr val="03CC54"/>
    </a:custClr>
    <a:custClr name="Cool Gray">
      <a:srgbClr val="F4F4F4"/>
    </a:custClr>
    <a:custClr name="Dark Gray">
      <a:srgbClr val="C0C0C0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Cigna Group 2023">
      <a:dk1>
        <a:srgbClr val="000000"/>
      </a:dk1>
      <a:lt1>
        <a:srgbClr val="FFFFFF"/>
      </a:lt1>
      <a:dk2>
        <a:srgbClr val="110081"/>
      </a:dk2>
      <a:lt2>
        <a:srgbClr val="FFFFFF"/>
      </a:lt2>
      <a:accent1>
        <a:srgbClr val="110081"/>
      </a:accent1>
      <a:accent2>
        <a:srgbClr val="3EFFC0"/>
      </a:accent2>
      <a:accent3>
        <a:srgbClr val="0033FF"/>
      </a:accent3>
      <a:accent4>
        <a:srgbClr val="03CC54"/>
      </a:accent4>
      <a:accent5>
        <a:srgbClr val="F4F4F4"/>
      </a:accent5>
      <a:accent6>
        <a:srgbClr val="C0C0C0"/>
      </a:accent6>
      <a:hlink>
        <a:srgbClr val="004295"/>
      </a:hlink>
      <a:folHlink>
        <a:srgbClr val="009B7C"/>
      </a:folHlink>
    </a:clrScheme>
    <a:fontScheme name="Cigna Group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Navy">
      <a:srgbClr val="110081"/>
    </a:custClr>
    <a:custClr name="Hypermint">
      <a:srgbClr val="3EFFC0"/>
    </a:custClr>
    <a:custClr name="Action Blue">
      <a:srgbClr val="0033FF"/>
    </a:custClr>
    <a:custClr name="Leaf Green">
      <a:srgbClr val="03CC54"/>
    </a:custClr>
    <a:custClr name="Cool Gray">
      <a:srgbClr val="F4F4F4"/>
    </a:custClr>
    <a:custClr name="Dark Gray">
      <a:srgbClr val="C0C0C0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1FF2961DBD54243AD01676157C1659D" ma:contentTypeVersion="17" ma:contentTypeDescription="Create a new document." ma:contentTypeScope="" ma:versionID="c12cb82e8868c63379717e94a1e34901">
  <xsd:schema xmlns:xsd="http://www.w3.org/2001/XMLSchema" xmlns:xs="http://www.w3.org/2001/XMLSchema" xmlns:p="http://schemas.microsoft.com/office/2006/metadata/properties" xmlns:ns2="4252dbad-3fd4-4ccc-82be-18924d963bd5" xmlns:ns3="d19c251e-0dbe-47f9-9cd5-bb9179b8bd48" targetNamespace="http://schemas.microsoft.com/office/2006/metadata/properties" ma:root="true" ma:fieldsID="5dd56ba951a0dbe0f88acd2f089aa4c9" ns2:_="" ns3:_="">
    <xsd:import namespace="4252dbad-3fd4-4ccc-82be-18924d963bd5"/>
    <xsd:import namespace="d19c251e-0dbe-47f9-9cd5-bb9179b8bd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252dbad-3fd4-4ccc-82be-18924d963bd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40ca3691-9f97-4b02-85c8-03626780fae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2" nillable="true" ma:displayName="Location" ma:internalName="MediaServiceLocation" ma:readOnly="true">
      <xsd:simpleType>
        <xsd:restriction base="dms:Text"/>
      </xsd:simpleType>
    </xsd:element>
    <xsd:element name="MediaLengthInSeconds" ma:index="23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19c251e-0dbe-47f9-9cd5-bb9179b8bd48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f2e2839b-e8d6-4eb8-90f5-b508e5de38ef}" ma:internalName="TaxCatchAll" ma:showField="CatchAllData" ma:web="d19c251e-0dbe-47f9-9cd5-bb9179b8bd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TemplateConfiguration><![CDATA[{"slideVersion":0,"isValidatorEnabled":false,"isLocked":false,"elementsMetadata":[],"slideId":"638109277289301428","enableDocumentContentUpdater":true,"version":"1.12"}]]></TemplafySlideTemplateConfiguration>
</file>

<file path=customXml/item11.xml><?xml version="1.0" encoding="utf-8"?>
<TemplafySlideTemplateConfiguration><![CDATA[{"slideVersion":0,"isValidatorEnabled":false,"isLocked":false,"elementsMetadata":[],"slideId":"638109277289301429","enableDocumentContentUpdater":true,"version":"1.1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dataSource":"Confidentiality","displayColumn":"cigna_confidentiality","defaultValue":"2","hideIfNoUserInteractionRequired":false,"distinct":true,"required":false,"autoSelectFirstOption":false,"helpTexts":{"prefix":"","postfix":""},"spacing":{},"type":"dropDown","name":"Cigna_Confidentiality","label":"Internal Stamp Only","fullyQualifiedName":"Cigna_Confidentiality"}],"formDataEntries":[{"name":"Cigna_Confidentiality","value":"aKBTu2fPbzfKbYCIYAfo4Q=="}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{"type":"shape","id":"aef5d2eb-827d-4973-99a3-79eb2f23d9ce","elementConfiguration":{"binding":"Form.Cigna_Confidentiality.CignagroupConfidentiality","visibility":{"action":"hide","operator":"equals","compareValue":""},"disableUpdates":false,"type":"text"}},{"type":"shape","id":"c69e3d3d-2b7f-4309-bb08-343434cb4d52","elementConfiguration":{"binding":"Form.Cigna_Confidentiality.Cigna_groupConfidentiality","visibility":{"action":"hide","operator":"equals","compareValue":""},"disableUpdates":false,"type":"text"}},{"type":"shape","id":"1e4353ee-899c-4b18-9c74-f814566e483c","elementConfiguration":{"binding":"Form.Cigna_Confidentiality.CignagroupConfidentiality","visibility":{"action":"hide","operator":"equals","compareValue":""},"disableUpdates":false,"type":"text"}},{"type":"shape","id":"27c96812-c761-4f7f-b8ea-e1755a52ea30","elementConfiguration":{"binding":"Form.Cigna_Confidentiality.Cigna_groupConfidentiality","visibility":{"action":"hide","operator":"equals","compareValue":""},"disableUpdates":false,"type":"text"}},{"type":"shape","id":"d575dbcd-46f7-4e57-aa9b-397fd07a5ea4","elementConfiguration":{"binding":"Form.Cigna_Confidentiality.CignagroupConfidentiality","visibility":{"action":"hide","operator":"equals","compareValue":""},"disableUpdates":false,"type":"text"}},{"type":"shape","id":"3481a056-ea3c-4c71-8f5e-c3d780e8e2d3","elementConfiguration":{"binding":"Form.Cigna_Confidentiality.Cigna_groupConfidentiality","visibility":{"action":"hide","operator":"equals","compareValue":""},"disableUpdates":false,"type":"text"}},{"type":"shape","id":"d6cdf451-f389-4704-bcc3-c1d2ee6c5aa5","elementConfiguration":{"binding":"Form.Cigna_Confidentiality.CignagroupConfidentiality","visibility":{"action":"hide","operator":"equals","compareValue":""},"disableUpdates":false,"type":"text"}},{"type":"shape","id":"02702e6d-abb7-47ac-a488-eecdd3865e18","elementConfiguration":{"binding":"Form.Cigna_Confidentiality.Cigna_groupConfidentiality","visibility":{"action":"hide","operator":"equals","compareValue":""},"disableUpdates":false,"type":"text"}},{"type":"shape","id":"a05fe173-4e89-48a2-8776-e0dc1359e3ab","elementConfiguration":{"binding":"Form.Cigna_Confidentiality.CignagroupConfidentiality","visibility":{"action":"hide","operator":"equals","compareValue":""},"disableUpdates":false,"type":"text"}},{"type":"shape","id":"be00847e-b65b-4479-acf9-14364a95763c","elementConfiguration":{"binding":"Form.Cigna_Confidentiality.Cigna_groupConfidentiality","visibility":{"action":"hide","operator":"equals","compareValue":""},"disableUpdates":false,"type":"text"}},{"type":"shape","id":"1f6c0539-8788-4061-a44d-e1b747684180","elementConfiguration":{"binding":"Form.Cigna_Confidentiality.CignagroupConfidentiality","visibility":{"action":"hide","operator":"equals","compareValue":""},"disableUpdates":false,"type":"text"}},{"type":"shape","id":"e462b35b-2271-4d7d-861b-4b0a0eb0804d","elementConfiguration":{"binding":"Form.Cigna_Confidentiality.Cigna_groupConfidentiality","visibility":{"action":"hide","operator":"equals","compareValue":""},"disableUpdates":false,"type":"text"}},{"type":"shape","id":"bea34592-48b5-46ca-b650-6e862acd7de7","elementConfiguration":{"binding":"Form.Cigna_Confidentiality.CignagroupConfidentiality","visibility":{"action":"hide","operator":"equals","compareValue":""},"disableUpdates":false,"type":"text"}},{"type":"shape","id":"97153529-8db7-44eb-bd1e-3ce3da1c1692","elementConfiguration":{"binding":"Form.Cigna_Confidentiality.Cigna_groupConfidentiality","visibility":{"action":"hide","operator":"equals","compareValue":""},"disableUpdates":false,"type":"text"}},{"type":"shape","id":"022a44d2-7913-4095-bcfb-c0e70547656a","elementConfiguration":{"binding":"Form.Cigna_Confidentiality.CignagroupConfidentiality","visibility":{"action":"hide","operator":"equals","compareValue":""},"disableUpdates":false,"type":"text"}},{"type":"shape","id":"3fccd231-6a05-4a91-8065-f089341d8436","elementConfiguration":{"binding":"Form.Cigna_Confidentiality.Cigna_groupConfidentiality","visibility":{"action":"hide","operator":"equals","compareValue":""},"disableUpdates":false,"type":"text"}},{"type":"shape","id":"a78ef63e-5142-4f2b-a885-2324ccfb8e12","elementConfiguration":{"binding":"Form.Cigna_Confidentiality.CignagroupConfidentiality","visibility":{"action":"hide","operator":"equals","compareValue":""},"disableUpdates":false,"type":"text"}},{"type":"shape","id":"c137ec79-dc99-4178-ba17-2d537a3cb09c","elementConfiguration":{"binding":"Form.Cigna_Confidentiality.Cigna_groupConfidentiality","visibility":{"action":"hide","operator":"equals","compareValue":""},"disableUpdates":false,"type":"text"}},{"type":"shape","id":"58c0bbe2-8278-48f3-90b8-cce4a34c64bc","elementConfiguration":{"binding":"Form.Cigna_Confidentiality.CignagroupConfidentiality","visibility":{"action":"hide","operator":"equals","compareValue":""},"disableUpdates":false,"type":"text"}},{"type":"shape","id":"45c578b7-7ff4-4b2a-8ea9-0df1bf783580","elementConfiguration":{"binding":"Form.Cigna_Confidentiality.Cigna_groupConfidentiality","visibility":{"action":"hide","operator":"equals","compareValue":""},"disableUpdates":false,"type":"text"}},{"type":"shape","id":"7d176655-6a29-44d5-81d5-be840f334ff0","elementConfiguration":{"binding":"Form.Cigna_Confidentiality.CignagroupConfidentiality","visibility":{"action":"hide","operator":"equals","compareValue":""},"disableUpdates":false,"type":"text"}},{"type":"shape","id":"11ce5716-d225-4f62-8626-3447339e9d7f","elementConfiguration":{"binding":"Form.Cigna_Confidentiality.Cigna_groupConfidentiality","visibility":{"action":"hide","operator":"equals","compareValue":""},"disableUpdates":false,"type":"text"}},{"type":"shape","id":"e6ca7570-9a9e-4d15-9763-62067a25b2cd","elementConfiguration":{"binding":"Form.Cigna_Confidentiality.CignagroupConfidentiality","visibility":{"action":"hide","operator":"equals","compareValue":""},"disableUpdates":false,"type":"text"}},{"type":"shape","id":"1eea89c1-8725-4bc6-a63b-1c294beeafd5","elementConfiguration":{"binding":"Form.Cigna_Confidentiality.Cigna_groupConfidentiality","visibility":{"action":"hide","operator":"equals","compareValue":""},"disableUpdates":false,"type":"text"}},{"type":"shape","id":"565547aa-fd0e-423e-8281-13e5fb97f385","elementConfiguration":{"binding":"Form.Cigna_Confidentiality.CignagroupConfidentiality","visibility":{"action":"hide","operator":"equals","compareValue":""},"disableUpdates":false,"type":"text"}},{"type":"shape","id":"1af94c2d-a4a9-43ed-8bba-ed8a1b5a3eef","elementConfiguration":{"binding":"Form.Cigna_Confidentiality.Cigna_groupConfidentiality","visibility":{"action":"hide","operator":"equals","compareValue":""},"disableUpdates":false,"type":"text"}},{"type":"shape","id":"78f1314f-0252-458b-8e4b-5762370f4e9a","elementConfiguration":{"binding":"Form.Cigna_Confidentiality.CignagroupConfidentiality","visibility":{"action":"hide","operator":"equals","compareValue":""},"disableUpdates":false,"type":"text"}},{"type":"shape","id":"313443a3-aa62-47d6-9ff2-c07c4506112a","elementConfiguration":{"binding":"Form.Cigna_Confidentiality.Cigna_groupConfidentiality","visibility":{"action":"hide","operator":"equals","compareValue":""},"disableUpdates":false,"type":"text"}},{"type":"shape","id":"77ec7e28-1038-4755-937e-eabee2af6417","elementConfiguration":{"binding":"Form.Cigna_Confidentiality.CignagroupConfidentiality","visibility":{"action":"hide","operator":"equals","compareValue":""},"disableUpdates":false,"type":"text"}},{"type":"shape","id":"e1786ed9-716e-4b7b-9ad1-0a0bc607b239","elementConfiguration":{"binding":"Form.Cigna_Confidentiality.Cigna_groupConfidentiality","visibility":{"action":"hide","operator":"equals","compareValue":""},"disableUpdates":false,"type":"text"}},{"type":"shape","id":"fa5e1ee1-ca85-4783-a10c-8d82e67e55f0","elementConfiguration":{"binding":"Form.Cigna_Confidentiality.CignagroupConfidentiality","visibility":{"action":"hide","operator":"equals","compareValue":""},"disableUpdates":false,"type":"text"}},{"type":"shape","id":"9942b09e-77f0-46ce-85e6-f42fab8c6902","elementConfiguration":{"binding":"Form.Cigna_Confidentiality.Cigna_groupConfidentiality","visibility":{"action":"hide","operator":"equals","compareValue":""},"disableUpdates":false,"type":"text"}},{"type":"shape","id":"04fb40ff-d695-40bf-b321-73ebc1f82609","elementConfiguration":{"binding":"Form.Cigna_Confidentiality.CignagroupConfidentiality","visibility":{"action":"hide","operator":"equals","compareValue":""},"disableUpdates":false,"type":"text"}},{"type":"shape","id":"a49ab21e-1b06-4d1b-a09e-355186e5a671","elementConfiguration":{"binding":"Form.Cigna_Confidentiality.Cigna_groupConfidentiality","visibility":{"action":"hide","operator":"equals","compareValue":""},"disableUpdates":false,"type":"text"}},{"type":"shape","id":"1407e711-72b5-49fe-9e7c-e94a58e59a26","elementConfiguration":{"binding":"Form.Cigna_Confidentiality.CignagroupConfidentiality","visibility":{"action":"hide","operator":"equals","compareValue":""},"disableUpdates":false,"type":"text"}},{"type":"shape","id":"a7b53541-50b7-458d-974f-5d72c760e95c","elementConfiguration":{"binding":"Form.Cigna_Confidentiality.Cigna_groupConfidentiality","visibility":{"action":"hide","operator":"equals","compareValue":""},"disableUpdates":false,"type":"text"}},{"type":"shape","id":"7851d2c4-232d-4839-b601-aeb837f1afcd","elementConfiguration":{"binding":"Form.Cigna_Confidentiality.CignagroupConfidentiality","visibility":{"action":"hide","operator":"equals","compareValue":""},"disableUpdates":false,"type":"text"}},{"type":"shape","id":"65c348fe-a2c2-4a4c-9ab4-ff8bb781e791","elementConfiguration":{"binding":"Form.Cigna_Confidentiality.Cigna_groupConfidentiality","visibility":{"action":"hide","operator":"equals","compareValue":""},"disableUpdates":false,"type":"text"}},{"type":"shape","id":"96c7dbfb-a326-4862-981f-c8a7b76acd65","elementConfiguration":{"binding":"Form.Cigna_Confidentiality.CignagroupConfidentiality","visibility":{"action":"hide","operator":"equals","compareValue":""},"disableUpdates":false,"type":"text"}},{"type":"shape","id":"fe465215-a301-4aef-9a72-2cd1ebea2d90","elementConfiguration":{"binding":"Form.Cigna_Confidentiality.Cigna_groupConfidentiality","visibility":{"action":"hide","operator":"equals","compareValue":""},"disableUpdates":false,"type":"text"}}],"transformationConfigurations":[{"language":"{{DocumentLanguage}}","disableUpdates":false,"type":"proofingLanguage"}],"templateName":"","templateDescription":"","enableDocumentContentUpdater":true,"version":"1.12"}]]></TemplafyTemplateConfiguration>
</file>

<file path=customXml/item7.xml><?xml version="1.0" encoding="utf-8"?>
<TemplafySlideTemplateConfiguration><![CDATA[{"slideVersion":0,"isValidatorEnabled":false,"isLocked":false,"elementsMetadata":[],"slideId":"638109277289145070","enableDocumentContentUpdater":true,"version":"1.1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4252dbad-3fd4-4ccc-82be-18924d963bd5">
      <Terms xmlns="http://schemas.microsoft.com/office/infopath/2007/PartnerControls"/>
    </lcf76f155ced4ddcb4097134ff3c332f>
    <TaxCatchAll xmlns="d19c251e-0dbe-47f9-9cd5-bb9179b8bd48" xsi:nil="true"/>
  </documentManagement>
</p:properties>
</file>

<file path=customXml/itemProps1.xml><?xml version="1.0" encoding="utf-8"?>
<ds:datastoreItem xmlns:ds="http://schemas.openxmlformats.org/officeDocument/2006/customXml" ds:itemID="{FA42422C-C7F0-400A-831E-22CE8662403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252dbad-3fd4-4ccc-82be-18924d963bd5"/>
    <ds:schemaRef ds:uri="d19c251e-0dbe-47f9-9cd5-bb9179b8bd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E141D33C-2AB8-48E8-A2E7-896A4A228B24}">
  <ds:schemaRefs/>
</ds:datastoreItem>
</file>

<file path=customXml/itemProps11.xml><?xml version="1.0" encoding="utf-8"?>
<ds:datastoreItem xmlns:ds="http://schemas.openxmlformats.org/officeDocument/2006/customXml" ds:itemID="{7C9BAD95-5E7B-427E-A861-4DD244C903B6}">
  <ds:schemaRefs/>
</ds:datastoreItem>
</file>

<file path=customXml/itemProps2.xml><?xml version="1.0" encoding="utf-8"?>
<ds:datastoreItem xmlns:ds="http://schemas.openxmlformats.org/officeDocument/2006/customXml" ds:itemID="{D4276A4C-DEBD-4A67-BD56-9DCDC6859131}">
  <ds:schemaRefs/>
</ds:datastoreItem>
</file>

<file path=customXml/itemProps3.xml><?xml version="1.0" encoding="utf-8"?>
<ds:datastoreItem xmlns:ds="http://schemas.openxmlformats.org/officeDocument/2006/customXml" ds:itemID="{180E6B4A-02B3-49EE-B6F9-C0FE6F86CE81}">
  <ds:schemaRefs/>
</ds:datastoreItem>
</file>

<file path=customXml/itemProps4.xml><?xml version="1.0" encoding="utf-8"?>
<ds:datastoreItem xmlns:ds="http://schemas.openxmlformats.org/officeDocument/2006/customXml" ds:itemID="{C48DA716-2FF8-410B-97E3-9768CCA6972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77A9E56-CD22-41FF-8D8D-03A707AAE340}">
  <ds:schemaRefs/>
</ds:datastoreItem>
</file>

<file path=customXml/itemProps6.xml><?xml version="1.0" encoding="utf-8"?>
<ds:datastoreItem xmlns:ds="http://schemas.openxmlformats.org/officeDocument/2006/customXml" ds:itemID="{9E4D2E6F-FE49-4FFB-A5F2-EDA5AAB1D111}">
  <ds:schemaRefs/>
</ds:datastoreItem>
</file>

<file path=customXml/itemProps7.xml><?xml version="1.0" encoding="utf-8"?>
<ds:datastoreItem xmlns:ds="http://schemas.openxmlformats.org/officeDocument/2006/customXml" ds:itemID="{CB3D879C-FCA4-4C4B-B609-7AEEAD3C7F25}">
  <ds:schemaRefs/>
</ds:datastoreItem>
</file>

<file path=customXml/itemProps8.xml><?xml version="1.0" encoding="utf-8"?>
<ds:datastoreItem xmlns:ds="http://schemas.openxmlformats.org/officeDocument/2006/customXml" ds:itemID="{9E89F759-1217-48F5-A190-02FCF400B4EC}">
  <ds:schemaRefs/>
</ds:datastoreItem>
</file>

<file path=customXml/itemProps9.xml><?xml version="1.0" encoding="utf-8"?>
<ds:datastoreItem xmlns:ds="http://schemas.openxmlformats.org/officeDocument/2006/customXml" ds:itemID="{24B02C4F-176F-4FFF-B06A-3CD94E301B4A}">
  <ds:schemaRefs>
    <ds:schemaRef ds:uri="http://schemas.microsoft.com/office/2006/metadata/properties"/>
    <ds:schemaRef ds:uri="http://schemas.microsoft.com/office/infopath/2007/PartnerControls"/>
    <ds:schemaRef ds:uri="4252dbad-3fd4-4ccc-82be-18924d963bd5"/>
    <ds:schemaRef ds:uri="d19c251e-0dbe-47f9-9cd5-bb9179b8bd48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528</Words>
  <Application>Microsoft Macintosh PowerPoint</Application>
  <PresentationFormat>Widescreen</PresentationFormat>
  <Paragraphs>125</Paragraphs>
  <Slides>14</Slides>
  <Notes>6</Notes>
  <HiddenSlides>1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20" baseType="lpstr">
      <vt:lpstr>-apple-system</vt:lpstr>
      <vt:lpstr>Arial</vt:lpstr>
      <vt:lpstr>Arial Narrow</vt:lpstr>
      <vt:lpstr>Calibri</vt:lpstr>
      <vt:lpstr>Verdana</vt:lpstr>
      <vt:lpstr>Cigna Group</vt:lpstr>
      <vt:lpstr>Code-A-Thon  2024</vt:lpstr>
      <vt:lpstr>Intro</vt:lpstr>
      <vt:lpstr>Business Use Case</vt:lpstr>
      <vt:lpstr>Business Use Case</vt:lpstr>
      <vt:lpstr>Business Use Case</vt:lpstr>
      <vt:lpstr>Business Use Case</vt:lpstr>
      <vt:lpstr>Solution</vt:lpstr>
      <vt:lpstr>Architecture</vt:lpstr>
      <vt:lpstr>Prediction Model</vt:lpstr>
      <vt:lpstr>Tech Stack</vt:lpstr>
      <vt:lpstr>Demo</vt:lpstr>
      <vt:lpstr>Q&amp;A?</vt:lpstr>
      <vt:lpstr>References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/>
  <cp:lastModifiedBy/>
  <cp:revision>24</cp:revision>
  <dcterms:created xsi:type="dcterms:W3CDTF">2021-07-08T09:02:18Z</dcterms:created>
  <dcterms:modified xsi:type="dcterms:W3CDTF">2024-03-28T15:44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TemplafyTimeStamp">
    <vt:lpwstr>2023-02-02T09:42:08.3534123Z</vt:lpwstr>
  </property>
  <property fmtid="{D5CDD505-2E9C-101B-9397-08002B2CF9AE}" pid="4" name="TemplafyTenantId">
    <vt:lpwstr>cigna</vt:lpwstr>
  </property>
  <property fmtid="{D5CDD505-2E9C-101B-9397-08002B2CF9AE}" pid="5" name="TemplafyTemplateId">
    <vt:lpwstr>638102491000502569</vt:lpwstr>
  </property>
  <property fmtid="{D5CDD505-2E9C-101B-9397-08002B2CF9AE}" pid="6" name="TemplafyUserProfileId">
    <vt:lpwstr>637983510968985910</vt:lpwstr>
  </property>
  <property fmtid="{D5CDD505-2E9C-101B-9397-08002B2CF9AE}" pid="7" name="ContentTypeId">
    <vt:lpwstr>0x01010091FF2961DBD54243AD01676157C1659D</vt:lpwstr>
  </property>
  <property fmtid="{D5CDD505-2E9C-101B-9397-08002B2CF9AE}" pid="8" name="MediaServiceImageTags">
    <vt:lpwstr/>
  </property>
</Properties>
</file>